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6. Robo\02-056-2023 Kancelárske potreby\03. Príprava\06. PTK\01. Odoslanie PTK\"/>
    </mc:Choice>
  </mc:AlternateContent>
  <bookViews>
    <workbookView xWindow="0" yWindow="0" windowWidth="23040" windowHeight="9195"/>
  </bookViews>
  <sheets>
    <sheet name="Ponuka" sheetId="8" r:id="rId1"/>
  </sheets>
  <definedNames>
    <definedName name="_xlnm.Print_Area" localSheetId="0">Ponuka!$A$1:$H$130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753" uniqueCount="1103">
  <si>
    <t xml:space="preserve">Požadované minimálne technické vlastnosti, parametre a hodnoty predmetu zákazky
</t>
  </si>
  <si>
    <t>Položka č. 1</t>
  </si>
  <si>
    <t>Bežná dostupnosť</t>
  </si>
  <si>
    <t>Nie bežná dostupnosť</t>
  </si>
  <si>
    <t>3.1 Rozdelenie predmetu zákazky</t>
  </si>
  <si>
    <t xml:space="preserve">akceptujem / neakceptujem </t>
  </si>
  <si>
    <t>Požaduje sa:</t>
  </si>
  <si>
    <t>1.1 Názov predmetu zákazky:</t>
  </si>
  <si>
    <t>1.2 CPV:</t>
  </si>
  <si>
    <t>1.3 Druh:</t>
  </si>
  <si>
    <t>Názov položky predmetu zákazk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2.</t>
  </si>
  <si>
    <t>3.</t>
  </si>
  <si>
    <t>4.</t>
  </si>
  <si>
    <t>5.</t>
  </si>
  <si>
    <t>6.</t>
  </si>
  <si>
    <t>7.</t>
  </si>
  <si>
    <t>8.</t>
  </si>
  <si>
    <t>9.</t>
  </si>
  <si>
    <t>10.</t>
  </si>
  <si>
    <t>11.</t>
  </si>
  <si>
    <t>12.</t>
  </si>
  <si>
    <t>13.</t>
  </si>
  <si>
    <t>14.</t>
  </si>
  <si>
    <t>15.</t>
  </si>
  <si>
    <t>16.</t>
  </si>
  <si>
    <t>17.</t>
  </si>
  <si>
    <t>18.</t>
  </si>
  <si>
    <t>19.</t>
  </si>
  <si>
    <t>20.</t>
  </si>
  <si>
    <t>21.</t>
  </si>
  <si>
    <t>22.</t>
  </si>
  <si>
    <t>23.</t>
  </si>
  <si>
    <t>24.</t>
  </si>
  <si>
    <t>Kancelárske potreby</t>
  </si>
  <si>
    <t>30192000-1   Kancelárske potreby</t>
  </si>
  <si>
    <t>Kancelárske potreby.</t>
  </si>
  <si>
    <t>Položka č. 2</t>
  </si>
  <si>
    <t>Položka č. 3</t>
  </si>
  <si>
    <t>Položka č. 4</t>
  </si>
  <si>
    <t>Položka č. 5</t>
  </si>
  <si>
    <t>Položka č. 6</t>
  </si>
  <si>
    <t>Položka č. 7</t>
  </si>
  <si>
    <t>Položka č. 8</t>
  </si>
  <si>
    <t>Položka č. 9</t>
  </si>
  <si>
    <t>Položka č. 10</t>
  </si>
  <si>
    <t>Položka č. 11</t>
  </si>
  <si>
    <t>Položka č. 12</t>
  </si>
  <si>
    <t>Položka č. 13</t>
  </si>
  <si>
    <t>Položka č. 14</t>
  </si>
  <si>
    <t>Položka č. 15</t>
  </si>
  <si>
    <t>Položka č. 16</t>
  </si>
  <si>
    <t>Položka č. 17</t>
  </si>
  <si>
    <t>Položka č. 18</t>
  </si>
  <si>
    <t>Položka č. 19</t>
  </si>
  <si>
    <t>Položka č. 20</t>
  </si>
  <si>
    <t>Položka č. 21</t>
  </si>
  <si>
    <t>Položka č. 22</t>
  </si>
  <si>
    <t>Položka č. 23</t>
  </si>
  <si>
    <t>Položka č. 24</t>
  </si>
  <si>
    <t>Položka č. 25</t>
  </si>
  <si>
    <t>Položka č. 26</t>
  </si>
  <si>
    <t>Položka č. 27</t>
  </si>
  <si>
    <t>Položka č. 28</t>
  </si>
  <si>
    <t>Položka č. 29</t>
  </si>
  <si>
    <t>Položka č. 30</t>
  </si>
  <si>
    <t>Položka č. 31</t>
  </si>
  <si>
    <t>Položka č. 32</t>
  </si>
  <si>
    <t>Položka č. 33</t>
  </si>
  <si>
    <t>Položka č. 34</t>
  </si>
  <si>
    <t>Položka č. 35</t>
  </si>
  <si>
    <t>Položka č. 36</t>
  </si>
  <si>
    <t>Položka č. 37</t>
  </si>
  <si>
    <t>Položka č. 38</t>
  </si>
  <si>
    <t>Položka č. 39</t>
  </si>
  <si>
    <t>Položka č. 40</t>
  </si>
  <si>
    <t>Položka č. 41</t>
  </si>
  <si>
    <t>Položka č. 42</t>
  </si>
  <si>
    <t>Položka č. 43</t>
  </si>
  <si>
    <t>Položka č. 44</t>
  </si>
  <si>
    <t>Položka č. 45</t>
  </si>
  <si>
    <t>Položka č. 46</t>
  </si>
  <si>
    <t>Položka č. 47</t>
  </si>
  <si>
    <t>Položka č. 48</t>
  </si>
  <si>
    <t>Položka č. 49</t>
  </si>
  <si>
    <t>Položka č. 50</t>
  </si>
  <si>
    <t>Položka č. 51</t>
  </si>
  <si>
    <t>Položka č. 52</t>
  </si>
  <si>
    <t>Položka č. 53</t>
  </si>
  <si>
    <t>Položka č. 54</t>
  </si>
  <si>
    <t>Položka č. 55</t>
  </si>
  <si>
    <t>Položka č. 56</t>
  </si>
  <si>
    <t>Položka č. 57</t>
  </si>
  <si>
    <t>Položka č. 58</t>
  </si>
  <si>
    <t>Položka č. 59</t>
  </si>
  <si>
    <t>Položka č. 60</t>
  </si>
  <si>
    <t>Položka č. 61</t>
  </si>
  <si>
    <t>Položka č. 62</t>
  </si>
  <si>
    <t>Položka č. 63</t>
  </si>
  <si>
    <t>Položka č. 64</t>
  </si>
  <si>
    <t>Položka č. 65</t>
  </si>
  <si>
    <t>Položka č. 66</t>
  </si>
  <si>
    <t>Položka č. 67</t>
  </si>
  <si>
    <t>Položka č. 68</t>
  </si>
  <si>
    <t>Položka č. 69</t>
  </si>
  <si>
    <t>Položka č. 70</t>
  </si>
  <si>
    <t>Položka č. 71</t>
  </si>
  <si>
    <t>Položka č. 72</t>
  </si>
  <si>
    <t>Položka č. 73</t>
  </si>
  <si>
    <t>Položka č. 74</t>
  </si>
  <si>
    <t>Položka č. 75</t>
  </si>
  <si>
    <t>Položka č. 76</t>
  </si>
  <si>
    <t>Položka č. 77</t>
  </si>
  <si>
    <t>Položka č. 78</t>
  </si>
  <si>
    <t>Položka č. 79</t>
  </si>
  <si>
    <t>Položka č. 80</t>
  </si>
  <si>
    <t>Položka č. 81</t>
  </si>
  <si>
    <t>Položka č. 82</t>
  </si>
  <si>
    <t>Položka č. 83</t>
  </si>
  <si>
    <t>Položka č. 84</t>
  </si>
  <si>
    <t>Položka č. 85</t>
  </si>
  <si>
    <t>Položka č. 86</t>
  </si>
  <si>
    <t>Položka č. 87</t>
  </si>
  <si>
    <t>Položka č. 88</t>
  </si>
  <si>
    <t>Položka č. 89</t>
  </si>
  <si>
    <t>Položka č. 90</t>
  </si>
  <si>
    <t>Položka č. 91</t>
  </si>
  <si>
    <t>Položka č. 92</t>
  </si>
  <si>
    <t>Položka č. 93</t>
  </si>
  <si>
    <t>Položka č. 94</t>
  </si>
  <si>
    <t>Položka č. 95</t>
  </si>
  <si>
    <t>Položka č. 96</t>
  </si>
  <si>
    <t>Položka č. 97</t>
  </si>
  <si>
    <t>Položka č. 98</t>
  </si>
  <si>
    <t>Položka č. 99</t>
  </si>
  <si>
    <t>Položka č. 100</t>
  </si>
  <si>
    <t>Položka č. 101</t>
  </si>
  <si>
    <t>Položka č. 102</t>
  </si>
  <si>
    <t>Položka č. 103</t>
  </si>
  <si>
    <t>Položka č. 104</t>
  </si>
  <si>
    <t>Položka č. 105</t>
  </si>
  <si>
    <t>Položka č. 106</t>
  </si>
  <si>
    <t>Položka č. 107</t>
  </si>
  <si>
    <t>Položka č. 108</t>
  </si>
  <si>
    <t>Položka č. 109</t>
  </si>
  <si>
    <t>Položka č. 110</t>
  </si>
  <si>
    <t>Položka č. 111</t>
  </si>
  <si>
    <t>Položka č. 112</t>
  </si>
  <si>
    <t>Položka č. 113</t>
  </si>
  <si>
    <t>Položka č. 114</t>
  </si>
  <si>
    <t>Položka č. 115</t>
  </si>
  <si>
    <t>Položka č. 116</t>
  </si>
  <si>
    <t>Položka č. 117</t>
  </si>
  <si>
    <t>Položka č. 118</t>
  </si>
  <si>
    <t>Položka č. 119</t>
  </si>
  <si>
    <t>Položka č. 120</t>
  </si>
  <si>
    <t>Položka č. 121</t>
  </si>
  <si>
    <t>Položka č. 122</t>
  </si>
  <si>
    <t>Položka č. 123</t>
  </si>
  <si>
    <t>Položka č. 124</t>
  </si>
  <si>
    <t>Položka č. 125</t>
  </si>
  <si>
    <t>Položka č. 126</t>
  </si>
  <si>
    <t>Položka č. 127</t>
  </si>
  <si>
    <t>Položka č. 128</t>
  </si>
  <si>
    <t>Položka č. 129</t>
  </si>
  <si>
    <t>Položka č. 130</t>
  </si>
  <si>
    <t>Položka č. 131</t>
  </si>
  <si>
    <t>Položka č. 132</t>
  </si>
  <si>
    <t>Položka č. 133</t>
  </si>
  <si>
    <t>Položka č. 134</t>
  </si>
  <si>
    <t>Položka č. 135</t>
  </si>
  <si>
    <t>Položka č. 136</t>
  </si>
  <si>
    <t>Položka č. 137</t>
  </si>
  <si>
    <t>Položka č. 138</t>
  </si>
  <si>
    <t>Položka č. 139</t>
  </si>
  <si>
    <t>Položka č. 140</t>
  </si>
  <si>
    <t>Položka č. 141</t>
  </si>
  <si>
    <t>Položka č. 142</t>
  </si>
  <si>
    <t>Položka č. 143</t>
  </si>
  <si>
    <t>Položka č. 144</t>
  </si>
  <si>
    <t>Položka č. 145</t>
  </si>
  <si>
    <t>Položka č. 146</t>
  </si>
  <si>
    <t>Položka č. 147</t>
  </si>
  <si>
    <t>Položka č. 148</t>
  </si>
  <si>
    <t>Položka č. 149</t>
  </si>
  <si>
    <t>Položka č. 150</t>
  </si>
  <si>
    <t>Položka č. 151</t>
  </si>
  <si>
    <t>Položka č. 152</t>
  </si>
  <si>
    <t>Položka č. 153</t>
  </si>
  <si>
    <t>Položka č. 154</t>
  </si>
  <si>
    <t>Položka č. 155</t>
  </si>
  <si>
    <t>Položka č. 156</t>
  </si>
  <si>
    <t>Položka č. 157</t>
  </si>
  <si>
    <t>Položka č. 158</t>
  </si>
  <si>
    <t>Položka č. 159</t>
  </si>
  <si>
    <t>Položka č. 160</t>
  </si>
  <si>
    <t>Položka č. 161</t>
  </si>
  <si>
    <t>Položka č. 162</t>
  </si>
  <si>
    <t>Položka č. 163</t>
  </si>
  <si>
    <t>Položka č. 164</t>
  </si>
  <si>
    <t>Položka č. 165</t>
  </si>
  <si>
    <t>Položka č. 166</t>
  </si>
  <si>
    <t>Položka č. 167</t>
  </si>
  <si>
    <t>Kniha dennej uzávierky elektronickej registračnej pokladnice A4 - tvrdá väzba</t>
  </si>
  <si>
    <t>Kniha dennej uzávierky elektronickej registračnej pokladnice - vložka A4</t>
  </si>
  <si>
    <t>Karisblok formát A5</t>
  </si>
  <si>
    <t>Náhradné dierované listy (náplň) pre zakladanie do karisbloku A5</t>
  </si>
  <si>
    <t>Karisblok formát A4</t>
  </si>
  <si>
    <t>Náhradné dierované listy (náplň) pre zakladanie do karisbloku A4</t>
  </si>
  <si>
    <t>Poznámkový blok so špirálou formát A5</t>
  </si>
  <si>
    <t>Poznámkový blok so špirálou formát A4</t>
  </si>
  <si>
    <t>Biele poznámkové bloky v škatuľke</t>
  </si>
  <si>
    <t>Biely poznámkový blok ako náhrada do plastovej škatuľky</t>
  </si>
  <si>
    <t>Biely poznámkový blok lepený</t>
  </si>
  <si>
    <t>Farebný poznámkový blok lepený</t>
  </si>
  <si>
    <t>Samolepiace popisovacie záložky fóliové</t>
  </si>
  <si>
    <t>Samolepiace popisovacie záložky fóliové (silné)</t>
  </si>
  <si>
    <t>Záznamová kniha formát A5 (min. 100 listová)</t>
  </si>
  <si>
    <t>Záznamová kniha formát A4 (min. 150 listová)</t>
  </si>
  <si>
    <t>Záznamová kniha s abecedným registrom formát A4 (min. 150 listov)</t>
  </si>
  <si>
    <t>Zošit 644</t>
  </si>
  <si>
    <t>Zošit 544</t>
  </si>
  <si>
    <t>Zošit 444</t>
  </si>
  <si>
    <t>Príjmový pokladničný doklad (s DPH)</t>
  </si>
  <si>
    <t>Výdavkový pokladničný doklad (s DPH)</t>
  </si>
  <si>
    <t>Rýchloviazač štandardný  (polypropylénový)</t>
  </si>
  <si>
    <t>Rýchloviazač s eurodierovaním</t>
  </si>
  <si>
    <t>Rýchloviazač s clipom</t>
  </si>
  <si>
    <t>Pákový zakladač formát A4 (úzky)</t>
  </si>
  <si>
    <t>Pákový zakladač formát A4 (široký)</t>
  </si>
  <si>
    <t>Štvorkrúžkový zakladač formát A4</t>
  </si>
  <si>
    <t>Štvorkrúžkový zakladač na CD/DVD formát A4</t>
  </si>
  <si>
    <t>Náhradný obal pre zakladanie do štvorkrúžkového zakladača na CD/DVD formát A4</t>
  </si>
  <si>
    <t>Odkladacia mapa s tromi chlopňami</t>
  </si>
  <si>
    <t>Odkladacia mapa s tromi chlopňami a gumičkou vo farbe obalu</t>
  </si>
  <si>
    <t>Plastový box s tromi chlopňami</t>
  </si>
  <si>
    <t>Spisová doska so šnúrkami bez chrbta kartónová</t>
  </si>
  <si>
    <t>Spisová doska so šnúrkami bez chrbta z prešpánového kartónu</t>
  </si>
  <si>
    <t>Spisová doska s vreckom</t>
  </si>
  <si>
    <t>Roztvárateľná doska</t>
  </si>
  <si>
    <t>Závesný obal</t>
  </si>
  <si>
    <t>Guma</t>
  </si>
  <si>
    <t>Korekčný roller</t>
  </si>
  <si>
    <t>Guľôčkové pero</t>
  </si>
  <si>
    <t>Gélové pero typ č. 1</t>
  </si>
  <si>
    <t>Náhradná náplň do gélového pera typu č. 1</t>
  </si>
  <si>
    <t>Gélové pero typ č. 2</t>
  </si>
  <si>
    <t>Náhradná náplň do gélového pera typu č. 2</t>
  </si>
  <si>
    <t>Prepisovateľný roller</t>
  </si>
  <si>
    <t>Náhradná náplň do prepisovateľného rollera</t>
  </si>
  <si>
    <t>Popisovač - nepermanentný atrament</t>
  </si>
  <si>
    <t>Popisovač - permanentný typ č. 1</t>
  </si>
  <si>
    <t>Popisovač - permanentný typ č. 2</t>
  </si>
  <si>
    <t>Popisovač - permanentný typ č. 3</t>
  </si>
  <si>
    <t>Popisovač na CD/DVD/BD permanentný</t>
  </si>
  <si>
    <t>Popisovač na pokožku</t>
  </si>
  <si>
    <t>Popisovač na značenie bielizne</t>
  </si>
  <si>
    <t>Zvýrazňovač</t>
  </si>
  <si>
    <t>Stojan na perá (tubusový)</t>
  </si>
  <si>
    <t>Ceruzka grafitová s gumou</t>
  </si>
  <si>
    <t>Mikroceruzka</t>
  </si>
  <si>
    <t>Náhradná náplň do mikroceruzky</t>
  </si>
  <si>
    <t>Strúhadlo so zásobníkom</t>
  </si>
  <si>
    <t>Nástenka korková (60x90 cm)</t>
  </si>
  <si>
    <t>Nástenka samolepiaca</t>
  </si>
  <si>
    <t>Samonavíjací meter</t>
  </si>
  <si>
    <t>Farbiaca páska do tlačiarne typ č. 1</t>
  </si>
  <si>
    <t>Farbiaca páska do tlačiarne typ č. 2</t>
  </si>
  <si>
    <t>Farbiaca páska do tlačiarne typ č. 3</t>
  </si>
  <si>
    <t>Farbiaca páska do tlačiarne typ č. 4</t>
  </si>
  <si>
    <t>Papierová páska typ č. 1</t>
  </si>
  <si>
    <t>Papierová páska typ č. 2</t>
  </si>
  <si>
    <t>Termo páska typ č. 1</t>
  </si>
  <si>
    <t>Termo páska typ č. 2</t>
  </si>
  <si>
    <t>Popisovacia páska</t>
  </si>
  <si>
    <t>Samolepiace etikety pravouhlé typ č. 1</t>
  </si>
  <si>
    <t>Samolepiace etikety pravouhlé typ č. 2</t>
  </si>
  <si>
    <t>Samolepiace etikety pravouhlé typ č. 3</t>
  </si>
  <si>
    <t>Samolepiace etikety pravouhlé typ č. 4</t>
  </si>
  <si>
    <t>Samolepiace etikety pravouhlé typ č. 5</t>
  </si>
  <si>
    <t>Samolepiace etikety pravouhlé typ č. 6</t>
  </si>
  <si>
    <t>Kancelársky odkladač</t>
  </si>
  <si>
    <t xml:space="preserve">Stojan na časopisy </t>
  </si>
  <si>
    <t>Navlhčovátko špongiové</t>
  </si>
  <si>
    <t xml:space="preserve">Aktovka na spisy </t>
  </si>
  <si>
    <t xml:space="preserve">Zásobník na závesné obaly </t>
  </si>
  <si>
    <t xml:space="preserve">Pravítko </t>
  </si>
  <si>
    <t>Spona listová typ č. 1</t>
  </si>
  <si>
    <t>Spona listová typ č. 2</t>
  </si>
  <si>
    <t>Spona listová typ č. 3</t>
  </si>
  <si>
    <t>Klip na dokumenty typ č. 1</t>
  </si>
  <si>
    <t>Klip na dokumenty typ č. 2</t>
  </si>
  <si>
    <t>Klip na dokumenty typ č. 3</t>
  </si>
  <si>
    <t>Klip na dokumenty typ č. 4</t>
  </si>
  <si>
    <t>Špendlík s farebnou hlavičkou</t>
  </si>
  <si>
    <t>Pripináčiky na korkové  tabule</t>
  </si>
  <si>
    <t>Zásobník so sponami</t>
  </si>
  <si>
    <t>Spinky No.10</t>
  </si>
  <si>
    <t>Kancelárska zošívačka typ č. 1</t>
  </si>
  <si>
    <t>Spinky typ č. 1</t>
  </si>
  <si>
    <t>Kancelárska zošívačka typ č. 2</t>
  </si>
  <si>
    <t>Spinky typ č. 2</t>
  </si>
  <si>
    <t>Rozošívačka na odstraňovanie spiniek</t>
  </si>
  <si>
    <t>Kancelárska dierovačka</t>
  </si>
  <si>
    <t>Obálka C6</t>
  </si>
  <si>
    <t>Obálka C5</t>
  </si>
  <si>
    <t>Obálka C4</t>
  </si>
  <si>
    <t>Obálka C5 s okienkom vpravo hore</t>
  </si>
  <si>
    <t>Obálka B4</t>
  </si>
  <si>
    <t>Obálka B4 s X - dnom (s rozšíreným dnom)</t>
  </si>
  <si>
    <t>Obálka DL</t>
  </si>
  <si>
    <t>Obálka DL s okienkom vpravo</t>
  </si>
  <si>
    <t>Obálka na CD s okienkom</t>
  </si>
  <si>
    <t>Bublinková obálka na CD</t>
  </si>
  <si>
    <t>Bublinková obálka typ č. 1</t>
  </si>
  <si>
    <t>Bublinková obálka typ č. 2</t>
  </si>
  <si>
    <t>Bublinková obálka typ č. 3</t>
  </si>
  <si>
    <t xml:space="preserve">Kartónová obálka </t>
  </si>
  <si>
    <t>Bezpečnostná obálka</t>
  </si>
  <si>
    <t>Obálka s doručenkou B6</t>
  </si>
  <si>
    <t>Obálka s doručenkou C5</t>
  </si>
  <si>
    <t>Obálka s doručenkou C4</t>
  </si>
  <si>
    <t>Obchodná taška B5</t>
  </si>
  <si>
    <t>Papierový sáčok kupecký</t>
  </si>
  <si>
    <t>Baliaci papier</t>
  </si>
  <si>
    <t xml:space="preserve">Náhradné obaly do  4-krúžkového vizitkára </t>
  </si>
  <si>
    <t xml:space="preserve">Náhradné kartičky do rotačného vizitkára </t>
  </si>
  <si>
    <t>Podpisová kniha s okienkom</t>
  </si>
  <si>
    <t xml:space="preserve">Nožnice typ č. 1 </t>
  </si>
  <si>
    <t>Nožnice typ č. 2</t>
  </si>
  <si>
    <t>Nôž odlamovací</t>
  </si>
  <si>
    <t>Rozraďovač silný kartón</t>
  </si>
  <si>
    <t>Rozraďovač kartónový typ č. 1</t>
  </si>
  <si>
    <t>Rozraďovač kartónový typ č. 2</t>
  </si>
  <si>
    <t>Euroobal typ č. 1</t>
  </si>
  <si>
    <t>Euroobal typ č. 2</t>
  </si>
  <si>
    <t>Euroobal typ č. 3</t>
  </si>
  <si>
    <t>Euroobal typ č. 4</t>
  </si>
  <si>
    <t>Euroobal typ č. 5</t>
  </si>
  <si>
    <t>Obal na dokumenty typ č. 1</t>
  </si>
  <si>
    <t>Obal na dokumenty typ č. 2</t>
  </si>
  <si>
    <t>Obal na dokumenty typ č. 3</t>
  </si>
  <si>
    <t>Obal na dokumenty typ č. 4</t>
  </si>
  <si>
    <t xml:space="preserve">Samolepiace vrecko na vizitky </t>
  </si>
  <si>
    <t xml:space="preserve">Gumičky </t>
  </si>
  <si>
    <t>Lepiaca páska</t>
  </si>
  <si>
    <t>Baliaca páska typ č. 1</t>
  </si>
  <si>
    <t>Baliaca páska typ č. 2</t>
  </si>
  <si>
    <t>Tekuté lepidlo typ č. 2</t>
  </si>
  <si>
    <t xml:space="preserve">Lepiaca tyčinka </t>
  </si>
  <si>
    <t>CD-R</t>
  </si>
  <si>
    <t>DVD+R</t>
  </si>
  <si>
    <t>DVD-R</t>
  </si>
  <si>
    <t>Klip rám typ č. 1</t>
  </si>
  <si>
    <t>Klip rám typ č. 2</t>
  </si>
  <si>
    <t>Podložka s klipom fóliová</t>
  </si>
  <si>
    <t>Podložka s klipom a kalkulačkou</t>
  </si>
  <si>
    <t xml:space="preserve">Kalkulačka </t>
  </si>
  <si>
    <t>Archívny box typ č. 1</t>
  </si>
  <si>
    <t>Archívny box typ č. 2</t>
  </si>
  <si>
    <t>Archívny box typ č. 3</t>
  </si>
  <si>
    <t>Archívny box typ č. 4</t>
  </si>
  <si>
    <t>Archivačná škatuľa</t>
  </si>
  <si>
    <t>Úložná škatuľa s vekom na CD</t>
  </si>
  <si>
    <t>Archívna spona</t>
  </si>
  <si>
    <t>Podložka pracovná na stôl</t>
  </si>
  <si>
    <t xml:space="preserve">Nôž na otváranie obálok </t>
  </si>
  <si>
    <t>Papierová páska do kalkulačky</t>
  </si>
  <si>
    <t>Farbiaci valček do kalkulačky</t>
  </si>
  <si>
    <t>formát A4</t>
  </si>
  <si>
    <t>vyrobená z bezdrevného ofsetového papiera</t>
  </si>
  <si>
    <t>v tvrdej väzbe</t>
  </si>
  <si>
    <t>požaduje sa min. 96 listov</t>
  </si>
  <si>
    <t>požaduje sa objednávanie a fakturácia v mernej jednotke: kus</t>
  </si>
  <si>
    <t>formát tlačiva A4</t>
  </si>
  <si>
    <t>vyhotovenie list</t>
  </si>
  <si>
    <t>dierovanie každého listu na 4 diery</t>
  </si>
  <si>
    <t>požaduje sa objednávanie a fakturácia v mernej jednotke: balenie</t>
  </si>
  <si>
    <t>1 bal/min. 20 listov</t>
  </si>
  <si>
    <t>formát A5</t>
  </si>
  <si>
    <t>vrátane min. 100 listov s linajkami (min. 60g/m2)</t>
  </si>
  <si>
    <t>4 - krúžková mechanika</t>
  </si>
  <si>
    <t>obojstranne laminovaný</t>
  </si>
  <si>
    <t>rôzne farby</t>
  </si>
  <si>
    <t>kompatibilné s karisblokom uvedeným v položke č. 3 zoznamu</t>
  </si>
  <si>
    <t>v linajkovanej úprave</t>
  </si>
  <si>
    <t>1 bal/min. 100 listov</t>
  </si>
  <si>
    <t>kompatibilné s karisblokom uvedeným v položke č. 5 zoznamu</t>
  </si>
  <si>
    <t>úprava linajková</t>
  </si>
  <si>
    <t>vyrobený z bezdrevného bieleho papiera (min. 60g/m2)</t>
  </si>
  <si>
    <t>špirála na dlhšej strane</t>
  </si>
  <si>
    <t>s mikroperforáciou na odtrhnutie</t>
  </si>
  <si>
    <t>listy dierované (4 dierky)</t>
  </si>
  <si>
    <t>požaduje sa min. 80 listov</t>
  </si>
  <si>
    <t>úprava linajková, štvorčeková</t>
  </si>
  <si>
    <t>v rovnej nelepenej úprave</t>
  </si>
  <si>
    <t>v tvare kocky</t>
  </si>
  <si>
    <t>v čírej plastovej škatuľke 92 x 92 x 82 mm</t>
  </si>
  <si>
    <t>rozmery kocky 83 x 83 x 75 mm</t>
  </si>
  <si>
    <t>kompatibilné so škatuľkou uvedenou v položke č. 9 zoznamu</t>
  </si>
  <si>
    <t>v rovnej lepenej úprave</t>
  </si>
  <si>
    <t>rozmery min.85 x 85 x 40 mm - max .85 x 85 x 50 mm</t>
  </si>
  <si>
    <t>samolepiaci</t>
  </si>
  <si>
    <t>bezo zvyšku odlepiteľné (nezanechávajú stopy lepidla)</t>
  </si>
  <si>
    <t>rozmery min. 75 x 75 mm - max. 76 x 76 mm</t>
  </si>
  <si>
    <t>1 ks = mix min. 4 rôznych neónových farieb</t>
  </si>
  <si>
    <t>fóliové</t>
  </si>
  <si>
    <t>rozmery záložky min. 11,9 x 43,1 mm - max. 12 x 45 mm</t>
  </si>
  <si>
    <t>1 ks = mix min. 4 rôzne farby po min. 25 záložiek</t>
  </si>
  <si>
    <t>1 ks = min. 125 záložiek</t>
  </si>
  <si>
    <t>silné a odolné pre vaše dokumenty</t>
  </si>
  <si>
    <t>premiestniteľné, odstrániteľné</t>
  </si>
  <si>
    <t>popisovateľné perom</t>
  </si>
  <si>
    <t>rozmer jednej záložky min. 50,8 x 38 mm</t>
  </si>
  <si>
    <t>1 ks = mix min. 4 rôznych farieb po min. 6 záložiek</t>
  </si>
  <si>
    <t>1 ks = min. 24 ks záložiek</t>
  </si>
  <si>
    <t>väzba V2 z boku</t>
  </si>
  <si>
    <t>vyrobená z bezdrevného papiera (min. 60g/m2)</t>
  </si>
  <si>
    <t>obal vyrobený z tvrdého kartónu</t>
  </si>
  <si>
    <t>potiahnutý laminom</t>
  </si>
  <si>
    <t>požaduje sa min. 100 listov</t>
  </si>
  <si>
    <t>požaduje sa min. 150 listov</t>
  </si>
  <si>
    <t>úprava linajková s vysekávaným registrom</t>
  </si>
  <si>
    <t>formát A6</t>
  </si>
  <si>
    <t>väzba V1</t>
  </si>
  <si>
    <t>vyrobený z bieleho bezdrevného papiera</t>
  </si>
  <si>
    <t>samoprepis</t>
  </si>
  <si>
    <t>v 1 ks/ min. 100 listov</t>
  </si>
  <si>
    <t>v 1 ks/min. 100 listov</t>
  </si>
  <si>
    <t>vyrobený z polypropylénu</t>
  </si>
  <si>
    <t>určený na uloženie dierovaných dokumentov</t>
  </si>
  <si>
    <t>predná strana matná priehľadná</t>
  </si>
  <si>
    <t>pozdĺž chrbta biely obojstranný papierový zasúvací štítok</t>
  </si>
  <si>
    <t>požaduje sa možnosť výberu z min. 5 rôznych farieb</t>
  </si>
  <si>
    <t>vyrobený z PVC</t>
  </si>
  <si>
    <t>plastový obal určený na jednoduché zviazanie dokumentov bez potreby ich predierovania</t>
  </si>
  <si>
    <t>prvá strana je priehľadná</t>
  </si>
  <si>
    <t>požaduje sa možnosť výberu z min. 4 rôznych farieb</t>
  </si>
  <si>
    <t>kapacita min. 20 listov</t>
  </si>
  <si>
    <t>potiahnutý z vonkajšej strany plastom a z vnútornej hladkým papierom</t>
  </si>
  <si>
    <t>vybavený chrbtovým krúžkom</t>
  </si>
  <si>
    <t>vreckom s vymeniteľným chrbtovým štítkom</t>
  </si>
  <si>
    <t>ochranným spodným kovaním a uzatváracím mechanizmom</t>
  </si>
  <si>
    <t>šírka chrbta 5 cm</t>
  </si>
  <si>
    <t>požaduje sa možnosť výberu z min. 10 rôznych farieb</t>
  </si>
  <si>
    <t>šírka chrbta 7,5 cm</t>
  </si>
  <si>
    <t>potiahnutý z vonkajšej strany plastom a z vnútornej strany kartónom</t>
  </si>
  <si>
    <t>krúžok s priemerom 30 mm</t>
  </si>
  <si>
    <t>šírka chrbta 45 mm</t>
  </si>
  <si>
    <t>s min. 5 obalmi s vnútornou ochrannou vrstvou každý pre 4 CD/DVD</t>
  </si>
  <si>
    <t>s titulným listom na obsah</t>
  </si>
  <si>
    <t>4 popisné papierové štítky pre každý obal</t>
  </si>
  <si>
    <t>popisné vrecko s etiketou na chrbte zakladača</t>
  </si>
  <si>
    <t>možnosť rozšírenia o min. 15 obalov</t>
  </si>
  <si>
    <t>rozmery min. 315 × 270 × 65 mm</t>
  </si>
  <si>
    <t>jednofarebný</t>
  </si>
  <si>
    <t>s vnútornou ochrannou vrstvou každý pre 4 CD/DVD</t>
  </si>
  <si>
    <t>4 popisné papierové štítky</t>
  </si>
  <si>
    <t>farba transparentná</t>
  </si>
  <si>
    <t>1 bal/min. 5 náhradných obalov</t>
  </si>
  <si>
    <t>vyrobená z prešpánového kartónu s gramážou (min. 350 g/m2)</t>
  </si>
  <si>
    <t>požaduje sa možnosť výberu z min. 6 rôznych farieb</t>
  </si>
  <si>
    <t>vyrobená z prešpánového kartónu s gramážou (min. 390 g/m2)</t>
  </si>
  <si>
    <t>vyrobený zo silného polypropylénu</t>
  </si>
  <si>
    <t>hrúbka min. 700 μm</t>
  </si>
  <si>
    <t>uzatvárateľný gumičkou</t>
  </si>
  <si>
    <t>kapacita min. 300 listov</t>
  </si>
  <si>
    <t>predtlačený štítok</t>
  </si>
  <si>
    <t>vyrobená zo strojnej lepenky hrúbky 1,5 mm</t>
  </si>
  <si>
    <t>vyrobená zo strojnej lepenky s gramážou (min. 1320 g/m2)</t>
  </si>
  <si>
    <t>požaduje sa možnosť výberu z min. týchto farieb: oranžová, zelená, žltá, červená, modrá</t>
  </si>
  <si>
    <t>vyrobená z pevnej lepenky potiahnutej plastom</t>
  </si>
  <si>
    <t>vnútorné bočné vrecko po oboch stranách na uloženie dokumentov</t>
  </si>
  <si>
    <t>s klipom na dokumenty</t>
  </si>
  <si>
    <t>odolné PVC pokrytie</t>
  </si>
  <si>
    <t>vrecko po celej spodnej dĺžke vnútornej strany predného obalu</t>
  </si>
  <si>
    <t>kapacita klipu min. 50 listov</t>
  </si>
  <si>
    <t>požaduje sa možnosť výberu z min. 3 rôznych farieb</t>
  </si>
  <si>
    <t>vyrobený z pevného kartónu</t>
  </si>
  <si>
    <t>násuvný index z priehľadného plastu s výmenným papierovým štítkom</t>
  </si>
  <si>
    <t>rozpätie vodiacich líšt 330 mm</t>
  </si>
  <si>
    <t>pre vymazanie grafitových čiar strednej tvrdosti a tvrdou časťou na atrament, tuš a strojopis</t>
  </si>
  <si>
    <t>každá balená v samostatnom celofáne</t>
  </si>
  <si>
    <t>korekčný film je suchý a umožňuje okamžité písanie</t>
  </si>
  <si>
    <t>nezanecháva tiene na fotokópiách</t>
  </si>
  <si>
    <t>telo rollera vyrobené z plastu</t>
  </si>
  <si>
    <t>šírka stopy 4,2 mm</t>
  </si>
  <si>
    <t>návin min. 14 m</t>
  </si>
  <si>
    <t>klikací mechanizmus</t>
  </si>
  <si>
    <t>šírka stopy 0,3 mm</t>
  </si>
  <si>
    <t>požaduje sa výber farby náplne min. modrá, čierna, zelená, červená</t>
  </si>
  <si>
    <t>guľaté priesvitné plastové telo s gumeným vrúbkovaným úchytom</t>
  </si>
  <si>
    <t>píše vo farbe úchytu</t>
  </si>
  <si>
    <t>guľôčka 0,5 mm</t>
  </si>
  <si>
    <t>šírka stopy min. 0,3 mm - max. 0,4 mm</t>
  </si>
  <si>
    <t>kompatibilné s gélovým perom typu č. 1 uvedeným v položke č. 42. zoznamu</t>
  </si>
  <si>
    <t>s kovovým klipom</t>
  </si>
  <si>
    <t>ergonomicky navrhnutý vrúbkovaný gumený úchyt</t>
  </si>
  <si>
    <t>rýchle schnutie gélu</t>
  </si>
  <si>
    <t>telo z PC plastu</t>
  </si>
  <si>
    <t>kovová špička</t>
  </si>
  <si>
    <t>požaduje sa výber farby náplne min. modrá, čierna, červená</t>
  </si>
  <si>
    <t>kompatibilné s gélovým perom typu č. 2 uvedeným v položke č. 44. zoznamu</t>
  </si>
  <si>
    <t>guma v zátke pera</t>
  </si>
  <si>
    <t>možnosť vymazať a opätovne prepísať text</t>
  </si>
  <si>
    <t>kompatibilné s prepisovateľným rolerom uvedeným v položke č. 46 zoznamu</t>
  </si>
  <si>
    <t>1 bal/min. 3 ks náhradných náplní</t>
  </si>
  <si>
    <t>jemný plastový hrot v kovovej objímke so zvýšenou pružnosťou</t>
  </si>
  <si>
    <t>typ: nepermanentý</t>
  </si>
  <si>
    <t>plnený nevysychajúcim nepermanentným atramentom</t>
  </si>
  <si>
    <t>požaduje sa možnosť výberu z min. 4 rôznych farieb (min. modrá, čierna, zelená, červená)</t>
  </si>
  <si>
    <t>určený na písanie na transparentné fólie, popisovanie plastických hmôt, skla, diarámčekov, filmov, röntgenových snímok a pod.</t>
  </si>
  <si>
    <t>typ: permanentý</t>
  </si>
  <si>
    <t>atrament na báze alkoholu</t>
  </si>
  <si>
    <t>odoláva vode, teplote do 100°C, oteru</t>
  </si>
  <si>
    <t>vláknitý hrot 2 mm</t>
  </si>
  <si>
    <t>šírka stopy 1 mm</t>
  </si>
  <si>
    <t>požaduje sa možnosť výberu z min. 3 rôznych farieb (min. čierna, zelená, červená)</t>
  </si>
  <si>
    <t>určený na písanie na gumu, kožu, kovy, plasty</t>
  </si>
  <si>
    <t>vode odolný</t>
  </si>
  <si>
    <t>guľatý vláknový hrot</t>
  </si>
  <si>
    <t>ventilačné uzávery</t>
  </si>
  <si>
    <t>šírka stopy 2,5 mm</t>
  </si>
  <si>
    <t>určený na písanie na transparentné fólie, popisovanie plastických hmôt, skla, diarámčekov, filmov, röntgenových snímok, kovu</t>
  </si>
  <si>
    <t>hliníkový obal</t>
  </si>
  <si>
    <t>okrúhly hrot</t>
  </si>
  <si>
    <t>dopĺňateľný atramentom</t>
  </si>
  <si>
    <t>šírka stopy 3 - 4 mm</t>
  </si>
  <si>
    <t>požaduje sa min. čierna farba</t>
  </si>
  <si>
    <t>vhodný na popisovanie CD, DVD a BD</t>
  </si>
  <si>
    <t>pigmentový atrament</t>
  </si>
  <si>
    <t>svetlostály</t>
  </si>
  <si>
    <t>nezmazateľný atrament bez zápachu</t>
  </si>
  <si>
    <t>po zaschnutí vodeodolný</t>
  </si>
  <si>
    <t>hrot okrúhly</t>
  </si>
  <si>
    <t>šírka stopy 0,75 mm</t>
  </si>
  <si>
    <t>vhodná na ukladanie zakladačov</t>
  </si>
  <si>
    <t>bočné otvory na prenášanie</t>
  </si>
  <si>
    <t>s vekom integrálne spojeným so škatuľou</t>
  </si>
  <si>
    <t>otváranie zhora</t>
  </si>
  <si>
    <t>kapacita 5 zakladačov so šírkou chrbta 80 mm alebo 8 zakladačov so šírkou chrbta 50 mm</t>
  </si>
  <si>
    <t>rozmery 410 x 330 x 300 mm (š x h x v)</t>
  </si>
  <si>
    <t>určený na RTG oddelení, radiológii, chirurgii a dermatológii</t>
  </si>
  <si>
    <t>určený na písanie na pokožku s permanentným slabo zapáchajúcim atramentom</t>
  </si>
  <si>
    <t>požaduje sa min. modrá farba</t>
  </si>
  <si>
    <t>atrament odolný pri praní a vyváraní do max. 90 °C</t>
  </si>
  <si>
    <t>vhodný pre prácu s papierom, kópiami a faxom</t>
  </si>
  <si>
    <t>náplň s fluorescenčnou farbou na vodnej báze</t>
  </si>
  <si>
    <t>tenký mäkký hrot pre zvýraznenie písma</t>
  </si>
  <si>
    <t>šírka stopy 2 - 5 mm</t>
  </si>
  <si>
    <t>požaduje sa možnosť výberu z min. 6 rôznych farieb (min. červená, oranžová, žltá, zelená, modrá, ružová)</t>
  </si>
  <si>
    <t>6 tubusový stojan na písacie potreby</t>
  </si>
  <si>
    <t>vyrobený z plastu</t>
  </si>
  <si>
    <t>výška max. 140 mm</t>
  </si>
  <si>
    <t>požaduje sa možnosť výberu z min. 2 rôznych farieb (min. čierna, modrá)</t>
  </si>
  <si>
    <t>lakovaný povrch</t>
  </si>
  <si>
    <t>tuha tvrdosti HB</t>
  </si>
  <si>
    <t>priehľadná s gumeným úchytom a gumou v zátke mikroceruzky</t>
  </si>
  <si>
    <t>farba úchytu a klipu v rovnakej farbe</t>
  </si>
  <si>
    <t>tlačidlový systém ovládania</t>
  </si>
  <si>
    <t>hrúbka tuhy 0,5 mm</t>
  </si>
  <si>
    <t>kompatibilná s mikroceruzou uvedenou v položke č. 58 zoznamu</t>
  </si>
  <si>
    <t>dodávané v plastovom obale</t>
  </si>
  <si>
    <t>1 bal/min.12 ks náhradných náplní</t>
  </si>
  <si>
    <t>plastové strúhadlo s 2 otvormi na štandardnú a Jumbo ceruzku</t>
  </si>
  <si>
    <t>materiál plast</t>
  </si>
  <si>
    <t>rozmery 60 x 90 cm</t>
  </si>
  <si>
    <t>povrch z prírodného drveného korku</t>
  </si>
  <si>
    <t>montážne príslušenstvo súčasťou balenia</t>
  </si>
  <si>
    <t>rozmery min. 58 x 40 cm</t>
  </si>
  <si>
    <t>samolepiace nástenky s lepidlom garantujúcim mnohonásobné prilepenie a odlepenie odkazov bezo zvyškov lepidla na odkazoch</t>
  </si>
  <si>
    <t>súčasťou balenia príslušenstvo na prichytenie nástenky o stenu</t>
  </si>
  <si>
    <t>požaduje sa možnosť výberu z min. 2 rôznych farieb (min. korkovo hnedá, modrá)</t>
  </si>
  <si>
    <t>samonavíjací</t>
  </si>
  <si>
    <t>s automatickou brzdou</t>
  </si>
  <si>
    <t>pogumovaný obal</t>
  </si>
  <si>
    <t>dĺžka min. 5 m</t>
  </si>
  <si>
    <t>kompatibilná s tlačiarňou typu Epson TM-H6000III, model M147G</t>
  </si>
  <si>
    <t>čierna nylónová páska</t>
  </si>
  <si>
    <t>návin min. 2,5 m</t>
  </si>
  <si>
    <t>kompatibilná s fiškálnou tlačiarňou PEGAS FM-06, model B.SRP350/LCD</t>
  </si>
  <si>
    <t>návin min. 6 m</t>
  </si>
  <si>
    <t>kompatibilná so zváračkou sterilizačných obalov HS 1000, ROTARY BAND SEALER</t>
  </si>
  <si>
    <t>kompatibilná so sterilizačným prístrojom STERRAD 100S, REF 10101</t>
  </si>
  <si>
    <t>návin min. 3 m</t>
  </si>
  <si>
    <t>vyrobená z bieleho strojne hladeného ofsetového papiera</t>
  </si>
  <si>
    <t>šírka 76 mm</t>
  </si>
  <si>
    <t>priemer 60 mm</t>
  </si>
  <si>
    <t>dutinka 17 mm</t>
  </si>
  <si>
    <t>"zložená z dvoch druhov papiera - biely ofsetový s gramážou (min. 50g/m2) a SC (superkalandrovaný strojovo hladený papier) s gramážou (min. 48g/m2)"</t>
  </si>
  <si>
    <t>samoprepisovacia so žltou kópiou</t>
  </si>
  <si>
    <t>kompatibilná s platobným terminálom VeriFone VX680</t>
  </si>
  <si>
    <t>vyrobená z termo papiera KOEHLER s gramážou (min. 55g/m2)</t>
  </si>
  <si>
    <t>šírka 57 mm</t>
  </si>
  <si>
    <t>priemer 35 mm</t>
  </si>
  <si>
    <t>dutinka 12 mm</t>
  </si>
  <si>
    <t>šírka 80 mm</t>
  </si>
  <si>
    <t>kompatibilná s prístrojom DYMO LetraTAG</t>
  </si>
  <si>
    <t>rozmery 12 mm x 4 m</t>
  </si>
  <si>
    <t>požaduje sa farba žltá 59423, červená 59424</t>
  </si>
  <si>
    <t>pravouhlé</t>
  </si>
  <si>
    <t>použitie pre atramentové, laserové tlačiarne a kopírky</t>
  </si>
  <si>
    <t>materiál papier s gramážou (min. 68 g/m2)</t>
  </si>
  <si>
    <t>rozmery jednej etikety 38 x 21,2 mm</t>
  </si>
  <si>
    <t>farba biela</t>
  </si>
  <si>
    <t>1 bal/min. 100 listov A4</t>
  </si>
  <si>
    <t>1 list A4 = 65 kusov samolepiacich etikiet</t>
  </si>
  <si>
    <t>rozmery jednej etikety 70 x 36 mm</t>
  </si>
  <si>
    <t>1 list A4 = 24 kusov samolepiacich etikiet</t>
  </si>
  <si>
    <t>rozmery jednej etikety 70 x 42,4 mm</t>
  </si>
  <si>
    <t>1 list A4 = 21 kusov samolepiacich etikiet</t>
  </si>
  <si>
    <t>rozmery jednej etikety 105 x 37 mm</t>
  </si>
  <si>
    <t>1 list A4 = 16 kusov samolepiacich etikiet</t>
  </si>
  <si>
    <t>rozmery jednej etikety 105 x 148,5 mm</t>
  </si>
  <si>
    <t>1 list A4 = 4 kusy samolepiacich etikiet</t>
  </si>
  <si>
    <t>rozmery jednej etikety 70 x 298 mm</t>
  </si>
  <si>
    <t>1 list A4 = 3 kusy samolepiacich etikiet</t>
  </si>
  <si>
    <t>úprava transparentná</t>
  </si>
  <si>
    <t>kolmé alebo predsadené stohovanie v 3 pozíciách</t>
  </si>
  <si>
    <t>vyrobený z tvrdého plastu</t>
  </si>
  <si>
    <t>znížená výška a okraj</t>
  </si>
  <si>
    <t>šírka chrbta min. 72 mm</t>
  </si>
  <si>
    <t>s hubkou na navlhčovanie prstov pri rátaní listov papiera, bankoviek</t>
  </si>
  <si>
    <t>vyrobené z plastu</t>
  </si>
  <si>
    <t>s pevným plastovým držadlom</t>
  </si>
  <si>
    <t>vnútorné priehradky vyrobené z priehľadného polypropylénu min. 175 μm</t>
  </si>
  <si>
    <t>aktovka vyrobená z nepriehľadného polypropylénu hrúbky min. 600 μm</t>
  </si>
  <si>
    <t>uzatváranie aktovky na pracku</t>
  </si>
  <si>
    <t>min.12 rozšíriteľných priehradok</t>
  </si>
  <si>
    <t>rozmery 388 x 291 x 42 mm</t>
  </si>
  <si>
    <t>kapacita min. 350 listov</t>
  </si>
  <si>
    <t>farba čierna</t>
  </si>
  <si>
    <t>rozmery 330 × 260 × 160 mm</t>
  </si>
  <si>
    <t>kapacita min. 20 ks závesných dosiek</t>
  </si>
  <si>
    <t>kompatibilný so závesným obalom uvedeným v položke č. 38</t>
  </si>
  <si>
    <t>transparentné</t>
  </si>
  <si>
    <t>dĺžka 30 cm</t>
  </si>
  <si>
    <t>farba číra</t>
  </si>
  <si>
    <t>niklovaný kovový materiál</t>
  </si>
  <si>
    <t>so zaobleným zakončením na oboch stranách</t>
  </si>
  <si>
    <t>rozmer min. 32 mm - max. 33 mm</t>
  </si>
  <si>
    <t>1 bal/100 sponiek</t>
  </si>
  <si>
    <t>rozmer 50 mm</t>
  </si>
  <si>
    <t>materiál poniklovaná oceľ</t>
  </si>
  <si>
    <t>nekĺzavá</t>
  </si>
  <si>
    <t>rozmer min. 75 mm - max. 78 mm</t>
  </si>
  <si>
    <t>1 bal/25 sponiek</t>
  </si>
  <si>
    <t>vyrobený z kovu</t>
  </si>
  <si>
    <t>rozmer 19 mm</t>
  </si>
  <si>
    <t>1 bal/min. 10 klipov</t>
  </si>
  <si>
    <t>rozmer 25 mm</t>
  </si>
  <si>
    <t>1 bal/12 klipov</t>
  </si>
  <si>
    <t>rozmer 32 mm</t>
  </si>
  <si>
    <t>rozmer 41 mm</t>
  </si>
  <si>
    <t>poniklovaný s farebnou hlavičkou</t>
  </si>
  <si>
    <t>rozmer 30 mm</t>
  </si>
  <si>
    <t>1 bal/min. 200 špendlíkov</t>
  </si>
  <si>
    <t>plastová hlavička</t>
  </si>
  <si>
    <t>1 bal/min. 60 pripináčikov</t>
  </si>
  <si>
    <t>priehľadný plast</t>
  </si>
  <si>
    <t>magnetický akrylový zásobník</t>
  </si>
  <si>
    <t>zásobník obsahuje min. 100 kusov spôn s priemerom min. 25 mm</t>
  </si>
  <si>
    <t>vyrobené z oceľového drôtu</t>
  </si>
  <si>
    <t>rozmery No.10</t>
  </si>
  <si>
    <t>kompatibilné do kancelárskej zošívačky uvedenej v položke č. 142 zoznamu</t>
  </si>
  <si>
    <t>1 bal/1000 spiniek</t>
  </si>
  <si>
    <t>celokovová</t>
  </si>
  <si>
    <t>základňa z kovu</t>
  </si>
  <si>
    <t>rameno kov/plast</t>
  </si>
  <si>
    <t>protišmykové plastové dno</t>
  </si>
  <si>
    <t>integrovaný vyberač spiniek</t>
  </si>
  <si>
    <t>kapacita zošívania 3 mm/30 listov (papier 80 g/m²)</t>
  </si>
  <si>
    <t>hmotnosť max. 265 g</t>
  </si>
  <si>
    <t>rozmery 24/6, 26/6</t>
  </si>
  <si>
    <t>kompatibilné do kancelárskej zošívačky uvedenej v položke č. 96 zoznamu</t>
  </si>
  <si>
    <t>plastový vrchný diel</t>
  </si>
  <si>
    <t>kovový zásobník</t>
  </si>
  <si>
    <t>kapacita zošívania 65 mm/50 listov</t>
  </si>
  <si>
    <t>hmotnosť 680 g</t>
  </si>
  <si>
    <t>rozmery 26/8</t>
  </si>
  <si>
    <t>kompatibilné do kancelárskej zošívačky uvedenej v položke č. 98 zoznamu</t>
  </si>
  <si>
    <t>vyrobená z kovu</t>
  </si>
  <si>
    <t>úchyt plastový</t>
  </si>
  <si>
    <t>s poistkou</t>
  </si>
  <si>
    <t>celokovová s plastovým pravítkom</t>
  </si>
  <si>
    <t>plastové a protišmykové dno</t>
  </si>
  <si>
    <t>kapacita dierovania min. 25 listov</t>
  </si>
  <si>
    <t>pre formáty A4, A5, A6</t>
  </si>
  <si>
    <t>samolepiaca alebo s odtrhávacou páskou</t>
  </si>
  <si>
    <t>s vnútornou potlačou</t>
  </si>
  <si>
    <t>vyrobená z bieleho bezdrevného papiera s gramážou (min. 80g/m2)</t>
  </si>
  <si>
    <t>rozmery 114 x 162 mm</t>
  </si>
  <si>
    <t>rozmery 162 x 229 mm</t>
  </si>
  <si>
    <t>otvor na kratšej strane</t>
  </si>
  <si>
    <t>rozmery 325 x 228 mm</t>
  </si>
  <si>
    <t>rozmery obálky 162 x 229 mm</t>
  </si>
  <si>
    <t>rozmery okienka 90 x 45 mm</t>
  </si>
  <si>
    <t>vzdialenosť okienka zhora 46 mm, sprava 19 mm</t>
  </si>
  <si>
    <t>vyrobená z bieleho bezdrevného papiera s gramážou (min. 90g/m2)</t>
  </si>
  <si>
    <t>rozmery 250 x 353 mm</t>
  </si>
  <si>
    <t>samolepiaca s odnímateľnou páskou</t>
  </si>
  <si>
    <t>šírka dna 40 mm</t>
  </si>
  <si>
    <t>farba biela, hnedá</t>
  </si>
  <si>
    <t>samolepiaca alebo s odnímateľnou páskou</t>
  </si>
  <si>
    <t>vyrobená z bieleho papiera s gramážou (min. 80g/m2)</t>
  </si>
  <si>
    <t>rozmery 110 x 220 mm</t>
  </si>
  <si>
    <t>rozmery obálky 110 x 220 mm</t>
  </si>
  <si>
    <t>rozmery okienka 102 x 41 mm</t>
  </si>
  <si>
    <t>vzdialenosť okienka zhora 40 mm, sprava 15 mm</t>
  </si>
  <si>
    <t>vyrobená z bieleho papiera s gramážou (min. 90g/m2)</t>
  </si>
  <si>
    <t>rozmery 124 x 124 mm</t>
  </si>
  <si>
    <t>vo vnútri fólia s vankúšikmi plnenými vzduchom</t>
  </si>
  <si>
    <t>vyrobená z papiera Kraft potiahnutého polyetylénom</t>
  </si>
  <si>
    <t>odolná voči roztrhnutiu a vode</t>
  </si>
  <si>
    <t>vonkajšie rozmery 200 x 175 mm</t>
  </si>
  <si>
    <t>vnútorné rozmery min. 170 x 160 mm</t>
  </si>
  <si>
    <t>Názov požadovaného výrobku</t>
  </si>
  <si>
    <t>Poradové číslo položky
/
poradové číslo požiadavky</t>
  </si>
  <si>
    <t>Verejný obstarávateľ pripúšťa predložiť pri jednotlivých položkách ekvivalentný výrobok, ten však musí spĺňať minimálne požiadavky verejného obstarávateľa, t.j. ekvivalentný výrobok musí mať rovnaké alebo lepšie zloženie a kvalitatívne vlastnosti ako má požadovaný výrobok.</t>
  </si>
  <si>
    <t>názov ponúkaného výrobku uchádzača</t>
  </si>
  <si>
    <t>-</t>
  </si>
  <si>
    <t>Poznámkový blok so špirálou College A5</t>
  </si>
  <si>
    <t>Poznámkový blok so špirálou College A4</t>
  </si>
  <si>
    <t>Biele poznámkové bloky Donau</t>
  </si>
  <si>
    <t>Samolepiace popisovacie záložky fóliové (silné) Post-it</t>
  </si>
  <si>
    <t>Rýchloviazač štandardný DONAU</t>
  </si>
  <si>
    <t>Rýchloviazač s eurodierovaním Esselte VIVIDA</t>
  </si>
  <si>
    <t>Pákový zakladač formát A4 (úzky) Esselte Economy</t>
  </si>
  <si>
    <t>Pákový zakladač formát A4 (široký) Esselte Economy</t>
  </si>
  <si>
    <t>Štvorkrúžkový zakladač Donau</t>
  </si>
  <si>
    <t>Štvorkrúžkový zakladač na CD/DVD Durable</t>
  </si>
  <si>
    <t>Náhradný obal pre zakladanie do štvorkrúžkového zakladača na CD/DVD formát A4 Durable Cover light M</t>
  </si>
  <si>
    <t>Plastový box s tromi chlopňami Donau</t>
  </si>
  <si>
    <t>RoztvárZávesný obal Esselte Classicateľná doska Q-Connect</t>
  </si>
  <si>
    <t>Závesný obal Esselte Classic</t>
  </si>
  <si>
    <t>Guma Koh-i-noor 6541/40</t>
  </si>
  <si>
    <t>Korekčný roller Pritt</t>
  </si>
  <si>
    <t>Prepisovateľný roller Pilot FRIXION Clicker</t>
  </si>
  <si>
    <t>Popisovač - nepermanentný atrament Centropen 4621 Liner</t>
  </si>
  <si>
    <t>Popisovač - permanentný atrament Centropen 2637 M</t>
  </si>
  <si>
    <t>Popisovač - permanentný atrament Centropen 8566</t>
  </si>
  <si>
    <t>Popisovač - permanentný atrament edding 550</t>
  </si>
  <si>
    <t>Popisovač na CD/DVD/BD permanentný edding 8400</t>
  </si>
  <si>
    <t>Popisovač na pokožku edding 8020</t>
  </si>
  <si>
    <t>Popisovač na značenie bielizne edding 8040</t>
  </si>
  <si>
    <t>Zvýrazňovač STABILO BOSS ORIGINÁL</t>
  </si>
  <si>
    <t>Ceruzka grafitová s gumou STABILO Swano 4906 HB</t>
  </si>
  <si>
    <t>Mikroceruzka UNI Shalaku M5-100</t>
  </si>
  <si>
    <t>Strúhadlo so zásobníkom Q-Connect</t>
  </si>
  <si>
    <t>Nástenka samolepiaca 3M Post It MemoBoard</t>
  </si>
  <si>
    <t>Páska do tlačiarne Epson ERC 32B</t>
  </si>
  <si>
    <t>Páska do tlačiarne Epson ERC 30</t>
  </si>
  <si>
    <t>Páska do tlačiarne Epson ERC 28</t>
  </si>
  <si>
    <t>Kancelársky odkladač Victória</t>
  </si>
  <si>
    <t>Stojan na časopisy Twin</t>
  </si>
  <si>
    <t>Navlhčovátko špongiové ICO lux</t>
  </si>
  <si>
    <t>Zásobník na závesné obaly Donau</t>
  </si>
  <si>
    <t>Pravítko Donau</t>
  </si>
  <si>
    <t>Klip na dokumenty Sakota</t>
  </si>
  <si>
    <t>Spinky No.10 Novus</t>
  </si>
  <si>
    <t>Kancelárska zošívačka Leitz</t>
  </si>
  <si>
    <t>Spinky typ č. 1 Novus</t>
  </si>
  <si>
    <t>Kancelárska zošívačka Novus B 8 FC</t>
  </si>
  <si>
    <t>Spinky typ č. 2 Novus</t>
  </si>
  <si>
    <t>Kancelárska dierovačka Esselte D25</t>
  </si>
  <si>
    <t>vo vnútri vlepená vrstva bublinkovej fólie</t>
  </si>
  <si>
    <t>vonkajší povrch vyrobený z bieleho papiera</t>
  </si>
  <si>
    <t>odolnosť proti nárazom, otlakom a mechanickému poškodeniu</t>
  </si>
  <si>
    <t>nepriepustné pre vodnú paru a prach</t>
  </si>
  <si>
    <t>vysoká chemická odolnosť</t>
  </si>
  <si>
    <t>tepelná odolnosť min. -50°C max. +85°C</t>
  </si>
  <si>
    <t>vonkajšie rozmery 170 x 225 mm</t>
  </si>
  <si>
    <t>vnútorné rozmery 150 x 215 mm</t>
  </si>
  <si>
    <t>vonkajšie rozmery 240 x 350 mm</t>
  </si>
  <si>
    <t>vnútorné rozmery 220 x 340 mm</t>
  </si>
  <si>
    <t>vonkajšie rozmery min. 260 x 350 mm - max. 290 x 370 mm</t>
  </si>
  <si>
    <t>vnútorné rozmery min. 240 x 340 mm - max. 265 x 360 mm</t>
  </si>
  <si>
    <t>vyrobená z jednostrannej bielej skladačkovej lepenky (min. 300 g/m2)</t>
  </si>
  <si>
    <t>klopňa bez lepidla</t>
  </si>
  <si>
    <t>rozmery min. 360 x 275 mm</t>
  </si>
  <si>
    <t>na cenné dokumenty</t>
  </si>
  <si>
    <t>vyrobená z LDPE Coex folie</t>
  </si>
  <si>
    <t>požaduje sa jednorázová bezpečnostná páska zabraňujúca neželanému otvoreniu s čiarovým kódom</t>
  </si>
  <si>
    <t>s potlačou Slovenská pošta</t>
  </si>
  <si>
    <t>navlhčovacie lepidlo</t>
  </si>
  <si>
    <t>perforované okienko</t>
  </si>
  <si>
    <t>s okienkom na zadnej strane</t>
  </si>
  <si>
    <t>s lichobežníkovou klopou</t>
  </si>
  <si>
    <t>rozmery 125 x 176 mm</t>
  </si>
  <si>
    <t>s odtrhávacou silikónovou páskou</t>
  </si>
  <si>
    <t>rozmery 323 x 228 mm</t>
  </si>
  <si>
    <t>formát B5</t>
  </si>
  <si>
    <t>horná klopa bez lepidla a lepiacej pásky</t>
  </si>
  <si>
    <t>s rozšíreným dnom</t>
  </si>
  <si>
    <t>vyrobený z bieleho recyklovaného papiera s gramážou (min. 90g/m2)</t>
  </si>
  <si>
    <t>rozmery 17,6 x 25 cm</t>
  </si>
  <si>
    <t>bez klopy</t>
  </si>
  <si>
    <t>s krížovým dnom</t>
  </si>
  <si>
    <t>vyrobený z papiera s gramážou (min. 80g/m2)</t>
  </si>
  <si>
    <t>rozmery 24,5 x 36,5 cm</t>
  </si>
  <si>
    <t>1 bal/min. 900 sáčkov</t>
  </si>
  <si>
    <t>vyrobený zo zberového papiera s gramážou (min. 90g/m2)</t>
  </si>
  <si>
    <t>rozmery min. 80 x 120 cm</t>
  </si>
  <si>
    <t>1 bal/10 hárkov papiera</t>
  </si>
  <si>
    <t>vyrobené z polypropylénu</t>
  </si>
  <si>
    <t>s eurodierovaním</t>
  </si>
  <si>
    <t>4-radové</t>
  </si>
  <si>
    <t>1 bal/10 obalov</t>
  </si>
  <si>
    <t>predtlačené pre rotačný vizitkár</t>
  </si>
  <si>
    <t>vyrobené z papiera</t>
  </si>
  <si>
    <t>1 bal/min. 40 kartičiek</t>
  </si>
  <si>
    <t>Náhradné kartičky do rotačného vizitkára Durable</t>
  </si>
  <si>
    <t>pružný plátený chrbát</t>
  </si>
  <si>
    <t>kartónové listy s otvormi</t>
  </si>
  <si>
    <t>min. 15 deliacich listov</t>
  </si>
  <si>
    <t>požaduje sa možnosť výberu z min. týchto farieb: čierna, modrá</t>
  </si>
  <si>
    <t>gumený úchyt</t>
  </si>
  <si>
    <t>rukoväť z polypropylénu</t>
  </si>
  <si>
    <t>celková dĺžka min. 13 cm - max. 15 cm</t>
  </si>
  <si>
    <t>Nožnice DAHLE Comfort grip</t>
  </si>
  <si>
    <t>celokovové</t>
  </si>
  <si>
    <t>vyrobené z magnetického kovu</t>
  </si>
  <si>
    <t>na strihanie textílií, papiera</t>
  </si>
  <si>
    <t>dĺžka ostria 9 cm</t>
  </si>
  <si>
    <t>celková dĺžka 20 cm</t>
  </si>
  <si>
    <t>protišmyková vrúbkovaná rukoväť</t>
  </si>
  <si>
    <t>rozmery čepele 0,50 x 18 mm</t>
  </si>
  <si>
    <t>oceľové vodítko</t>
  </si>
  <si>
    <t>automatická aretácia</t>
  </si>
  <si>
    <t>so 6 čepeľami</t>
  </si>
  <si>
    <t>vyrobený zo silného kartónu</t>
  </si>
  <si>
    <t>s popisovateľnou titulnou stranou</t>
  </si>
  <si>
    <t>jednotlivé stránky v min. 5 rôznych farbách</t>
  </si>
  <si>
    <t>rozraďovač číselný od 1 do 31</t>
  </si>
  <si>
    <t>balené v polyesterovom sáčku</t>
  </si>
  <si>
    <t>1 bal/31 listov</t>
  </si>
  <si>
    <t>Rozraďovač 1-31 Esselte Mylar kartónový</t>
  </si>
  <si>
    <t>vyrobený z kartónu</t>
  </si>
  <si>
    <t>rozraďovač 12 - dielny farebný</t>
  </si>
  <si>
    <t>1 bal/12 listov</t>
  </si>
  <si>
    <t>Kartónový rozraďovač Esselte Economy</t>
  </si>
  <si>
    <t>vyrobený z EKO kartónu s gramážou (min. 230 g/m2)</t>
  </si>
  <si>
    <t>rozmery 105 x 240 mm</t>
  </si>
  <si>
    <t>min. 5 rôznych farieb</t>
  </si>
  <si>
    <t>1 bal/ 5 x 20 listov</t>
  </si>
  <si>
    <t>povrch lesklý a hladký</t>
  </si>
  <si>
    <t>vyrobený z polypropylénu s hrúbkou min. 40 μm</t>
  </si>
  <si>
    <t>otvor zhora</t>
  </si>
  <si>
    <t>s multiperforáciou</t>
  </si>
  <si>
    <t>1 bal/min. 100 euroobalov</t>
  </si>
  <si>
    <t>Euroobal Esselte 13089</t>
  </si>
  <si>
    <t>vyrobený z polypropylénu s hrúbkou min. 60 μm</t>
  </si>
  <si>
    <t>1 bal/min. 25 euroobalov</t>
  </si>
  <si>
    <t>Euroobal Durable</t>
  </si>
  <si>
    <t>extra široký</t>
  </si>
  <si>
    <t>vyrobený z polypropylénu s hrúbkou min. 100 μm</t>
  </si>
  <si>
    <t>vnútorné rozmery obalu 304 × 220 mm</t>
  </si>
  <si>
    <t>Euroobal Esselte</t>
  </si>
  <si>
    <t>s bočnou klopou</t>
  </si>
  <si>
    <t>klopňa na pravej strane obalu</t>
  </si>
  <si>
    <t>povrch matný</t>
  </si>
  <si>
    <t>1 bal/min. 10 euroobalov</t>
  </si>
  <si>
    <t>Euroobal Q-Connect</t>
  </si>
  <si>
    <t>závesný s rozšíriteľnou kapacitou</t>
  </si>
  <si>
    <t>vyrobený z PVC s hrúbkou min. 170 μm</t>
  </si>
  <si>
    <t>spodný a bočný klin so šírkou 23 mm</t>
  </si>
  <si>
    <t>1 bal/min. 5 euroobalov</t>
  </si>
  <si>
    <t>Euroobal Leitz 4757</t>
  </si>
  <si>
    <t>povrch hladký</t>
  </si>
  <si>
    <t>vyrobený z tuhej PVC fólie s hrúbkou min. 80 μm</t>
  </si>
  <si>
    <t>prístup z hornej a bočnej strany</t>
  </si>
  <si>
    <t>Obal na dokumenty Esselte</t>
  </si>
  <si>
    <t>povrch embosovaný</t>
  </si>
  <si>
    <t>vyrobený z tuhej PVC fólie s hrúbkou min. 115 μm</t>
  </si>
  <si>
    <t>s cvočkom</t>
  </si>
  <si>
    <t>vyrobený z farebného polypropylénu</t>
  </si>
  <si>
    <t>požaduje sa možnosť výberu z min. 2 rôznych farieb</t>
  </si>
  <si>
    <t>Obal na dokumenty Donau</t>
  </si>
  <si>
    <t>s otvorom zhora</t>
  </si>
  <si>
    <t>rozmery min. 94 x 60 mm</t>
  </si>
  <si>
    <t>1 bal/min. 10 vreciek</t>
  </si>
  <si>
    <t>Samolepiace vrecko na vizitky Durable</t>
  </si>
  <si>
    <t>mix rôznych priemerov</t>
  </si>
  <si>
    <t>1 bal/min. 15 g gumičiek</t>
  </si>
  <si>
    <t>vyrobená z polypropylénu</t>
  </si>
  <si>
    <t>šírka min. 24 mm - max. 30 mm</t>
  </si>
  <si>
    <t>návin min. 30 m - max. 33 m</t>
  </si>
  <si>
    <t>dobrá tesnosť okamžite po aplikácii</t>
  </si>
  <si>
    <t>dobrá odolnosť voči teplotám</t>
  </si>
  <si>
    <t>šírka min. 48 mm</t>
  </si>
  <si>
    <t>návin min. 66 m</t>
  </si>
  <si>
    <t>hrúbka 25 μm</t>
  </si>
  <si>
    <t>Baliaca páska TESA basic</t>
  </si>
  <si>
    <t>odolnosť voči nízkym teplotám</t>
  </si>
  <si>
    <t>farba hnedá</t>
  </si>
  <si>
    <t>Tekuté lepidlo typ č. 1</t>
  </si>
  <si>
    <t>disperzné</t>
  </si>
  <si>
    <t>bez rozpúšťadiel</t>
  </si>
  <si>
    <t>vyprateľné pri 40°C</t>
  </si>
  <si>
    <t>špeciálny aplikátor pre rôzne spôsoby nanášania</t>
  </si>
  <si>
    <t>na lepenie papiera, kartónu, textilu, kože, dreva, fotografií a pod.</t>
  </si>
  <si>
    <t>objem min. 100 g</t>
  </si>
  <si>
    <t>Tekuté lepidlo Pritt</t>
  </si>
  <si>
    <t>sekundové</t>
  </si>
  <si>
    <t>lepí porcelán, keramiku, plast, gumu, kožu, drevo a kovy</t>
  </si>
  <si>
    <t>vysoká pevnosť</t>
  </si>
  <si>
    <t>objem min. 3 g</t>
  </si>
  <si>
    <t>Tekuté lepidlo Super Attack Universal</t>
  </si>
  <si>
    <t>na lepenie papiera, kartónu, fotografií a pod.</t>
  </si>
  <si>
    <t>nekvapká a nerozteká sa</t>
  </si>
  <si>
    <t>objem min. 40 g</t>
  </si>
  <si>
    <t>Lepiaca tyčinka Pritt Stick</t>
  </si>
  <si>
    <t>formát CD-R</t>
  </si>
  <si>
    <t>dátové médium určené k zálohovaniu dát</t>
  </si>
  <si>
    <t>kapacita 700 MB</t>
  </si>
  <si>
    <t>52 x rýchlostné</t>
  </si>
  <si>
    <t>1 x zapisovateľné</t>
  </si>
  <si>
    <t>balené v cake box obale</t>
  </si>
  <si>
    <t>1 bal/ obsahuje 50 CD</t>
  </si>
  <si>
    <t>CD-R Maxell</t>
  </si>
  <si>
    <t>formát DVD+R</t>
  </si>
  <si>
    <t>kapacita 4,7 GB</t>
  </si>
  <si>
    <t>16 x rýchlostné</t>
  </si>
  <si>
    <t>1 bal/ obsahuje 100 CD</t>
  </si>
  <si>
    <t>DVD+R Maxell</t>
  </si>
  <si>
    <t>formát DVD-R</t>
  </si>
  <si>
    <t>DVD-R Maxell</t>
  </si>
  <si>
    <t>formát A3</t>
  </si>
  <si>
    <t>s normálnym sklom s hrúbkou 2 mm a brúsenými hranami</t>
  </si>
  <si>
    <t>s obojstrannou papierovou čiernou alebo bielou paspartou s perforáciou</t>
  </si>
  <si>
    <t>zadná stena z MDF (Medium Density sololit)</t>
  </si>
  <si>
    <t>kovové - montážne spony pre vertikálnu alebo horizontálnu orientáciu</t>
  </si>
  <si>
    <t>Klip rám HAMA</t>
  </si>
  <si>
    <t>s kovovým klipom na uchytenie min. 80 listov</t>
  </si>
  <si>
    <t>vyrobená zo silnej lepenky potiahnutej plastovou fóliou</t>
  </si>
  <si>
    <t>v klipe na uchytenie papiera je zabudovaná kalkulačka s duálnym napájaním</t>
  </si>
  <si>
    <t>vyrobená z tvrdého plastu</t>
  </si>
  <si>
    <t>s 12 miestnym veľkým nakloneným displejom</t>
  </si>
  <si>
    <t>pamäť</t>
  </si>
  <si>
    <t>signalizácia symbolov</t>
  </si>
  <si>
    <t>percentá</t>
  </si>
  <si>
    <t>výpočet dph a prepočet meny</t>
  </si>
  <si>
    <t>rozmery min. 102x137x10 mm</t>
  </si>
  <si>
    <t>napájané 1 x LR54 batériou (príslušenstvo) + solárnou batériou</t>
  </si>
  <si>
    <t>na ukladanie dokumentov z lepenky</t>
  </si>
  <si>
    <t>s fixovateľným vekom</t>
  </si>
  <si>
    <t>rozmery min. 345 x 245 x 80 mm - max. 355 x 250 x 80 mm</t>
  </si>
  <si>
    <t>Archívny box typ č. 1 Esselte</t>
  </si>
  <si>
    <t>rozmery min. 345 x 245 x 100 mm - max. 355 x 250 x 100 mm</t>
  </si>
  <si>
    <t>Archívny box typ č. 2 Esselte</t>
  </si>
  <si>
    <t>rozmery min. 345 x 245 x 150 mm - max. 355 x 250 x 150 mm</t>
  </si>
  <si>
    <t>Archívny box typ č. 3 Esselte</t>
  </si>
  <si>
    <t>rozmery min. 345 x 245 x 200 mm - max. 355 x 250 x 200 mm</t>
  </si>
  <si>
    <t>Archívny box typ č. 4 Esselte</t>
  </si>
  <si>
    <t>s vekom</t>
  </si>
  <si>
    <t>na uloženie CD nosičov</t>
  </si>
  <si>
    <t>šírka a výška zodpovedajúca rozmeru CD nosiča uloženého v papierovom obale</t>
  </si>
  <si>
    <t>dĺžka škatule max. 300 mm</t>
  </si>
  <si>
    <t>plastové na zopnutie dokladov</t>
  </si>
  <si>
    <t>na zopnutie až 600 listov</t>
  </si>
  <si>
    <t>súčasťou balenia je aj trubičkový prenášač na jednoduché prenesenie dokumentov zo zoraďovača na sponu</t>
  </si>
  <si>
    <t>1 bal/50 spôn</t>
  </si>
  <si>
    <t>Archívna spona MIRON 2</t>
  </si>
  <si>
    <t>s prednou odklápacou plastovou fóliou</t>
  </si>
  <si>
    <t>fólia upevnená na hornej hrane podložky</t>
  </si>
  <si>
    <t>vyrobená z pevnej lepenky a PVC</t>
  </si>
  <si>
    <t>rozmery min. 600 x 400 mm</t>
  </si>
  <si>
    <t>čepeľ z nerezovej ocele</t>
  </si>
  <si>
    <t>dĺžka čepele min. 165 mm</t>
  </si>
  <si>
    <t>celková dĺžka min. 220 mm</t>
  </si>
  <si>
    <t>kompatibilná s kalkulačkou CITIZEN CX-121 II</t>
  </si>
  <si>
    <t>vyrobená z bieleho ofsetového papiera s vysokou belosťou</t>
  </si>
  <si>
    <t>šírka: 57 mm</t>
  </si>
  <si>
    <t>priemer: 60 mm</t>
  </si>
  <si>
    <t>dutinka: min. 13 mm - max. 17 mm</t>
  </si>
  <si>
    <t>kompatibilný s kalkulačkou CITIZEN CX-121 II</t>
  </si>
  <si>
    <t>Farba pásky čierno-červená</t>
  </si>
  <si>
    <t>Farbiaci valček do kalkulačky IR 40 T, čierno-červený</t>
  </si>
  <si>
    <t>kompatibilný so zakladačom uvedeným v položke č. 29</t>
  </si>
  <si>
    <t>Kontaktná osoba predkladateľa v PTK pre účely overenia si informácií týkajúcich sa technických parametrov ponúkaného produktu:</t>
  </si>
  <si>
    <t>Guľôčkové pero Stabilo liner 308</t>
  </si>
  <si>
    <t>DYMO LetraTag páska plastová</t>
  </si>
  <si>
    <t>Požaduje sa poskytovanie plnenia na základe písomných čiastkových výziev (ďalej len "objednávka") objednávateľa s periodicitou a v primeraných dohodnutých minimálnych objemoch podľa jeho aktuálnych prevádzkových potrieb. Predpokladaná periodicita písomných čiastkových objednávok je maximálne dvakrát za mesiac (pokiaľ sa nejedná o nepredvídaný nákup).</t>
  </si>
  <si>
    <t>Dodanie tovaru sa uskutoční na základe vystavenej objednávky objednávateľa v súlade s požiadavkami objednávateľa uvedenými v prílohe objednávky. V objednávke bude vždy uvedená oprávnená osoba objednávateľa pre prevzatie tovaru.</t>
  </si>
  <si>
    <t>Lehota dodania, v rámci ktorej je dodávateľ povinný dodať tovar je do 4 pracovných dní od pracovného dňa nasledujúceho po dni odoslania objednávky (do termínu sa nezapočítavajú dni pracovného voľna, pracovného pokoja a štátne sviatky) v čase od 07:00 hod. do 13:30 hod.</t>
  </si>
  <si>
    <t>Objednávateľ bude zasielať objednávky elektronicky, na e-mail, ktorý dodávateľ uviedol v Liste s kontaktnými údajmi dodávateľa. Spôsob zasielania objednávok môže objednávateľ počas účinnosti rámcovej dohody zmeniť na formát EDIFACT. O tejto skutočnosti bude objednávateľ dodávateľa písomne informovať minimálne 2 mesiace pred dátumom účinnosti tejto zmeny.</t>
  </si>
  <si>
    <t>Požaduje sa objednaný tovar roztriediť a zabaliť v počte a na číslo nákladového strediska podľa požiadaviek objednávateľa, pričom tieto požiadavky budú špecifikované v prílohách každej objednávky.</t>
  </si>
  <si>
    <t>Dodávateľ je povinný zabaliť objednaný počet kusov tovaru do prepravného obalu, ktorý sa nesmie poškodiť pri preprave, manipulácií a uskladnení a musí zabezpečiť účinnú ochranu tovaru voči akémukoľvek znehodnoteniu. Dodávateľ je povinný na prepravnom obale uviesť:
a) obchodné meno dodávateľa tovaru,
b) miesto určenia
c) číslo čiastkovej objednávky
d) dátum balenia</t>
  </si>
  <si>
    <t>8.1</t>
  </si>
  <si>
    <t>Objednávateľ si môže počas účinnosti rámcovej dohody vyhradiť možnosť označovať balíky čiarovým kódom EAN reprezentujúcim 13-znakový alfanumerický reťazec - číslo balíka z príslušnej prílohy objednávky. O tejto skutočnosti bude objednávateľ dodávateľa písomne informovať minimálne 2 mesiace pred dátumom účinnosti tejto zmeny.</t>
  </si>
  <si>
    <t>Dodávateľ je povinný oprávnenej osobe objednávateľa vopred, telefonicky a to najneskôr 1 pracovný deň pred predpokladaným dňom doručenia predmetu zákazky oznámiť deň a predpokladaný čas dodania tovaru. Objednávateľ si vyhradzuje právo zmeny termínu navrhovaného dodávateľom. Nový termín doručenia predmetu zákazky bude určený vzájomnou dohodou zmluvných strán potvrdený objednávateľom v elektronickej pošte na adresu dodávateľa uvedenú v Liste s kontaktnými údajmi dodávateľa.</t>
  </si>
  <si>
    <t>Dodávateľ zabezpečí kompletné služby súvisiace s dodaním tovaru (t.j. najmä jeho vyloženie na miesto určenia výlučne vlastnými technickými a personálnymi kapacitami). Uvedené služby musia byť započítané v jednotkovej cene tovaru ponúkaného dodávateľom.</t>
  </si>
  <si>
    <t>Dohodnutým miestom dodania predmetu zákazky je miestnosť slúžiaca objednávateľovi ako sklad všeobecného materiálu. Objednávateľ sprístupní pre dodávateľa na čas nevyhnutný na vyloženie tovaru miestnosť slúžiacu ako sklad všeobecného materiálu.</t>
  </si>
  <si>
    <t>Dodávka tovaru bude prevzatá oprávnenými osobami objednávateľa na mieste dodania na základe dodacieho listu. Objednávateľ si vyhradzuje právo prevziať iba tovar funkčný, bez zjavných vád, dodaný v kompletnom stave, v požadovanom množstve, roztriedený a zabalený podľa požiadaviek objednávateľa.</t>
  </si>
  <si>
    <t>Objednávateľ požaduje, aby dodávateľ pre účel objednávateľom vykonávanej kontroly odovzdaného tovaru zabezpečil osobu, za účasti ktorej poverená osoba objednávateľa vykoná kontrolu dodaného tovaru (t.j. kontrolu, či dodaný tovar je v kompletnom stave, v požadovanom množstve, roztriedený a zabalený podľa kategórie a typu tovaru a podľa požiadaviek objednávateľa). V prípade, ak dodávateľ takúto osobu nezabezpečí, správnosť dodaného tovaru posúdi poverená osoba objednávateľa.</t>
  </si>
  <si>
    <t>Dodanie tovaru bez vád objednávateľ potvrdí podpísaním dodacieho listu. V prípade, ak dodávateľ preukázateľne neodôvodní (preukázateľným dôvodom je dôvod písomne schválený objednávateľom) dodanie tovaru v inom akom kompletnom stave a/alebo v inom ako požadovanom množstve a/alebo neroztriedený a/alebo nezabalený podľa požiadaviek objednávateľa, objednávateľ si vyhradzuje právo nepodpísať dodací list, neprebrať dodaný tovar a nezaplatiť cenu za neprebraný tovar.</t>
  </si>
  <si>
    <t>V prípade, ak dodávateľ opakovane t.j. viac ako trikrát, dodá tovar vadne t.j. dodá tovar podľa predchádzajúcej vety, objednávateľ bude považovať túto skutočnosť za podstatné porušenie zmluvných podmienok a vyhradzuje si právo na odstúpenie od zmluvy. Spôsob doručenia celkového alebo aj čiastkových dodacích listov môže objednávateľ počas účinnosti rámcovej dohody zmeniť na formát EDIFACT. O tejto skutočnosti bude objednávateľ dodávateľa písomne informovať minimálne 2 mesiace pred dátumom účinnosti tejto zmeny.</t>
  </si>
  <si>
    <t>Povinnou prílohou faktúry je dodací list, ktorý musí obsahovať okrem povinných náležitostí aj:
a) číslo čiastkovej objednávky
b) číslo rámcovej dohody
c) celkový počet balíkov</t>
  </si>
  <si>
    <t>Objednávateľ si môže počas účinnosti rámcovej dohody vyhradiť možnosť označovať balíky čiarovým kódom EAN reprezentujúcim 13-znakový alfanumerický reťazec - číslo balíka z príslušnej prílohy objednávky. O tejto skutočnosti bude objednávateľ dodávateľa písomne informovať minimálne 2 mesiace pred dátumom účinnosti tejto zmeny,</t>
  </si>
  <si>
    <t>13.1</t>
  </si>
  <si>
    <t>pričom pod čiarovým kódom každého balíka bude uvedené:
a) názvy príslušných položiek predmetu čiastkovej objednávky, ktoré sú obsahom predmetného balíka
b) jednotkovú cenu príslušnej položky bez DPH, ktorá je obsahom predmetného balíka
c) jednotkovú cenu príslušnej položky s DPH, ktorá je obsahom predmetného balíka
d) sadzbu DPH
e) celkový počet kusov každej položky predmetu čiastkovej objednávky, ktoré sú obsahom predmetného balíka
f) celkovú cenu príslušných položiek bez DPH, ktoré sú obsahom predmetného balíka
g) celkovú cenu príslušných položiek s DPH, ktoré sú obsahom predmetného balíka</t>
  </si>
  <si>
    <t>13.2</t>
  </si>
  <si>
    <t>Po položkovitom výpise obsahu jednotlivých balíkov sa uvedie:
a) celkový počet kusov každej položky celého predmetu čiastkovej objednávky
b) celkovú cenu príslušných položiek celého predmetu čiastkovej objednávky bez DPH
c) celkovú cenu príslušných položiek celého predmetu čiastkovej objednávky s DPH</t>
  </si>
  <si>
    <t>13.3</t>
  </si>
  <si>
    <t>Povinnou prílohou každého balíka musí byť zoznam obsahu balíka podľa požiadaviek objednávateľa, ktoré boli prílohou čiastkovej objednávky podľa bodu 7.</t>
  </si>
  <si>
    <t>13.4</t>
  </si>
  <si>
    <t>Objednávateľ si vyhradzuje právo požadovať vystavenie elektronického dodacieho listu v štruktúre podľa EDI. O tejto skutočnosti bude objednávateľ dodávateľa písomne informovať minimálne 2 mesiace pred dátumom účinnosti tejto zmeny. Presná forma elektronického dodacieho listu bude dodávateľovi dodatočne upresnená.</t>
  </si>
  <si>
    <t>Faktúry musia mať náležitosti daňového dokladu v súlade so zák. č. 222/2004 Z. z. o dani z pridanej hodnoty v znení neskorších predpisov. V prípade zmeny spôsobu zasielania faktúr na elektronické, bude požadovaný formát EDIFACT, reps. komunikácia v súlade so štandardom EDI. O tejto skutočnosti bude objednávateľ dodávateľa písomne informovať minimálne 2 mesiace pred dátumom účinnosti tejto zmeny.</t>
  </si>
  <si>
    <t>Faktúra musí obsahovať okrem povinných náležitostí aj:
a) číslo čiastkovej objednávky
b) číslo rámcovej dohody
c) názvy jednotlivých položiek predmetu čiastkovej objednávky
d) celkový počet kusov každej položky predmetu čiastkovej objednávky
e) jednotkovú cenu príslušnej položky bez DPH, DPH, sadzbu DPH, s DPH
f) celkovú cenu príslušnej položky bez DPH, DPH, s DPH
g) celkovú cenu spolu za všetky položky predmetu čiastkovej objednávky bez DPH, DPH, s DPH
h) dátum dodania tovaru</t>
  </si>
  <si>
    <t>Dodávateľ je povinný k faktúre vždy priložiť kópiu čiastkovej objednávky objednávateľa ako povinnú prílohu faktúry. Dodávateľ je rovnako povinný k faktúre priložiť kópiu dodacieho listu ako jej povinnú prílohu, okrem prípadov, kedy je faktúra doručená zároveň s dodacím listom.</t>
  </si>
  <si>
    <t>Zmluvná cena tovaru musí v sebe zahŕňať všetky ekonomicky oprávnené náklady dodávateľa vynaložené v súvislosti s dodávkou tovaru najmä: náklady za tovar, na obstaranie tovaru, dovozné clá, dopravu na miesto dodania, náklady na obalovú techniku a balenie, vykládku tovaru v mieste dodania objednávateľa, náklady na služby súvisiace s rozdelením a zabalením objednaného tovaru v počte podľa čiastkových objednávok tvoriacich celkovú objednávku objednávateľa,</t>
  </si>
  <si>
    <t>ako aj prípadné náklady súvisiace so zavedením formátu EDIFACT, ako aj prípadné náklady súvisiace so zavedením označovania balíkov čiarovým kódom EAN a primeraný zisk. Dodávateľ nie je oprávnený zvýšiť zmluvne dohodnutú cenu z dôvodu akýchkoľvek ďalších či dodatočných nákladov na plnenie predmetu zákazky.</t>
  </si>
  <si>
    <t>Objednávateľ neposkytne dodávateľovi vopred žiadne preddavky a ani zálohu na predmet plnenia.</t>
  </si>
  <si>
    <t>Tovar musí byť certifikovaný a schválený na dovoz a predaj v Slovenskej republike, resp. v rámci Európskej únie a musí vyhovovať platným medzinárodným normám, STN a všeobecne záväzným právnym predpisom platným na území Slovenskej republiky (objednávateľ si vyhradzuje právo vyžiadať si od dodávateľa kedykoľvek, počas trvania zmluvného vzťahu doklady, ktorými preukáže splnenie uvedenej požiadavky).</t>
  </si>
  <si>
    <t>Ak sa v opisnom formulári, resp. v jeho prílohe uvádzajú údaje alebo odkazy na konkrétneho výrobcu, výrobný postup, značku, obchodný názov, patent alebo typ, umožňuje sa dodávateľovi predloženie ponuky s ekvivalentným riešením s rovnakými, respektíve lepšími parametrami. Za ekvivalent sa považujú tovary, ktoré zároveň musia spĺňať všetky podmienky dané objednávateľom.</t>
  </si>
  <si>
    <t>25.</t>
  </si>
  <si>
    <t>Dodávateľ berie na vedomie skutočnosť, že nie je oprávnený požadovať od objednávateľa odobratie celého predpokladaného množstva tovaru. Neodobratie celého predpokladaného množstva tovaru objednávateľom v celom rozsahu nezakladá právo dodávateľa uplatniť voči objednávateľovi z tohto titulu náhradu škody a/alebo právo na odstúpenie od tejto rámcovej dohody.</t>
  </si>
  <si>
    <t>26.</t>
  </si>
  <si>
    <t>Počas trvania rámcovej dohody si objednávateľ vyhradzuje právo rozšíriť, príp. zmeniť druh tovaru v rozsahu predmetu obstarávania a to po vzájomnej dohode zmluvných strán, pričom zmluvný finančný objem tejto rámcovej dohody počas jej platnosti a účinnosti ostane nezmenený. Zmluvná cena tohto druhu tovaru bude určená, ako nižšia cena z nasledovných cien:
a) z trhovej ceny, ktorá bude vypočítaná ako priemerná cena rovnakého typu tovaru od min. troch rôznych predajcov na trhu. Jedným z povinne oslovených predajcov v rámci prieskumu trhu bude dodávateľ. Prieskum trhu vykoná objednávateľ, alebo
b) z ponukovej ceny predloženej dodávateľom v prieskume trhu.</t>
  </si>
  <si>
    <t>27.</t>
  </si>
  <si>
    <t>27.1</t>
  </si>
  <si>
    <t>Cena náhradného tovaru nesmie byť vyššia ako cena pôvodného tovaru, ktorého výroba bola ukončená. Ak trhová cena náhradného tovaru bude v danom období nižšia ako cena pôvodného tovaru, platí spôsob určenia ceny uvedený v bode 26.</t>
  </si>
  <si>
    <t>28.</t>
  </si>
  <si>
    <t>29.</t>
  </si>
  <si>
    <t>V prípade, ak sa po uzatvorení rámcovej dohody preukáže, že na relevantnom trhu existuje cena (ďalej tiež ako "nižšia cena") za rovnaké alebo porovnateľné plnenie ako je obsiahnuté v tejto rámcovej dohode a dodávateľ už preukázateľne v minulosti za takúto nižšiu cenu plnenie poskytol, resp. ešte stále poskytuje, pričom medzi nižšou cenou a cenou podľa tejto rámcovej dohody je viac ako 5 % v neprospech ceny podľa tejto rámcovej dohody, zaväzuje sa dodávateľ poskytnúť objednávateľovi pre takéto plnenie objednané po preukázaní tejto skutočnosti dodatočnú zľavu vo výške rozdielu medzi ním poskytovanou cenou podľa tejto rámcovej dohody a nižšou cenou.</t>
  </si>
  <si>
    <t>29.1</t>
  </si>
  <si>
    <t>30.</t>
  </si>
  <si>
    <t>30.1</t>
  </si>
  <si>
    <t>V prípade, ak sa zmluvné strany podľa predchádzajúcej vety nedohodnú na spoločnom návrhu ďalšieho postupu,objednávateľ si vyhradzuje právo zmluvu vypovedať s výpovednou dobou 1 mesiac. Výpovedná doba začína plynúť od prvého dňa kalendárneho mesiaca nasledujúceho po doručení výpovede a skončí sa uplynutím posledného dňapríslušného kalendárneho mesiaca.</t>
  </si>
  <si>
    <t>31.</t>
  </si>
  <si>
    <t>Požaduje sa, aby dodávateľ v súlade s podmienkami OPET pri každom opakovanom plnení prehodnocoval cenu tovaru s ohľadom na vývoj cien porovnateľných tovarov na trhu. Spôsob, akým dodávateľ prehodnocuje ceny tovaru podľa predchádzajúcej vety je za dodržania podmienok uvedených v OPET na vôli dodávateľa, pričom dodávateľ prehodnocuje aspoň tri cenové ponuky, ktoré musia byť čo do kvality tovaru a podmienok jeho dodania zhodné s podmienkami dohodnutými v tejto rámcovej dohode.</t>
  </si>
  <si>
    <t>32.</t>
  </si>
  <si>
    <t>Objednávateľ si vyhradzuje právo realizovať prieskum trhu za účelom aktualizácie ceny tovaru, za ktoré by bolo možné tovar aktuálne dodať na trh, kedykoľvek počas účinnosti rámcovej dohody.</t>
  </si>
  <si>
    <t>32.1</t>
  </si>
  <si>
    <t>Takýto prieskum trhu bude realizovaný minimálne prostredníctvom troch nezávislých ponúk na jednotlivé druhy tovaru, ktorý má byť predmetom objednávky. Ponuky, ktoré je objednávateľ oprávnený posudzovať v rámci prieskumu trhu musia byť čo do kvality tovaru a podmienok jeho dodania zhodné s podmienkami dohodnutými v rámcovej dohode. O prieskume trhu musí mať objednávateľ písomnú dokumentáciu.</t>
  </si>
  <si>
    <t>32.2</t>
  </si>
  <si>
    <t>V prípade, ak priemerná jednotková cena príslušného tovaru, ktorý má byť predmetom objednávky určená z 3 najnižších ponúk získaných v rámci prieskumu trhu je nižšia ako aktuálna dodávateľská jednotková cena príslušného tovaru, je objednávateľ oprávnený v objednávke na dodanie tovaru požadovať od dodávateľa dodanie tovaru za cenu zodpovedajúcu priemernej jednotkovej cene príslušného tovaru, určenú z 3 najnižších ponúk získaných v rámci prieskumu trhu a takto určená cena bude platiť po dobu, kým objednávateľ neuskutoční ďalší prieskum trhu, resp. do ukončenia účinnosti rámcovej dohody.</t>
  </si>
  <si>
    <t>32.3</t>
  </si>
  <si>
    <t>Ak dodávateľ odmietne dodať tovar podľa predchádzajúceho bodu, je objednávateľ oprávnený rámcovú dohodu vypovedať. V takomto prípade je výpovedná lehota tri mesiace a začína plynúť od prvého dňa mesiaca nasledujúceho po mesiaci, v ktorom bola výpoveď doručená dodávateľovi.</t>
  </si>
  <si>
    <t>32.4</t>
  </si>
  <si>
    <t>Požaduje sa, aby dodávateľ počas trvania zmluvného vzťahu informoval objednávateľa o každej zmene (písomne, bezodkladne najneskôr do 2 pracovných dní odo dňa účinnosti zmeny, predložením kópie dokladov, ktorými preukáže oprávnenosť vykonaných zmien).</t>
  </si>
  <si>
    <t>34.</t>
  </si>
  <si>
    <t xml:space="preserve">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 </t>
  </si>
  <si>
    <t>35.</t>
  </si>
  <si>
    <t>Za nepredvídaný nákup sa považuje taký nákup, potrebu ktorého objednávateľ nevedel a nemohol s prihliadnutím na všetky okolnosti predvídať. Objednávateľ informuje dodávateľa o nepredvídanom nákupe v čiastkovej objednávke. Požaduje sa, aby tovar z nepredvídaného nákupu bol dodaný do 48 hodín od odoslania objednávky, alebo v termíne na základe písomnej dohody uzavretej prostredníctvom e-mailu medzi objednávateľom a dodávateľom.</t>
  </si>
  <si>
    <t>V prípade, ak je dodávaný tovar z krajiny EÚ (okrem SR), je dodávateľ povinný uviesť v dodacom liste, okrem náležitostí uvedených v predchádzajúcom bode, aj kód tovaru podľa aktuálne platného colného sadzobníka.</t>
  </si>
  <si>
    <t>Objednávateľ zaplatí zmluvnú cenu za objednaný a dodaný tovar na základe faktúry vystavenej dodávateľom po dodaní tovaru.</t>
  </si>
  <si>
    <t>V prípade, ak počas platnosti rámcovej dohody bude ukončená výroba niektorého z druhov tovaru, je dodávateľ povinný ponúknuť objednávateľovi plne funkčný tovar s rovnakými, resp. vyššími parametrami a vlastnosťami, aké mal tovar, ktorého výroba bola ukončená (ďalej len "náhradný tovar"). Táto skutočnosť musí byť doložená oficiálnym vyhlásením výrobcu.</t>
  </si>
  <si>
    <t>V prípade, ak nastanú skutočnosti uvedené v bodoch 26 a 27, je dodávateľ povinný pred prvou dodávkou každého nového tovaru, resp. náhradného druhu tovaru doručiť objednávateľovi doklady uvedené v bode 1.5 a zároveň objednávateľovi doručiť návrh dodatku, ktorého predmetom bude zmena rozsahu plnenia. Súčasťou návrhu dodatku musí byť aktualizovaný štruktúrovaný rozpočet ceny predmetu zákazky v súlade s bodom 1.4.</t>
  </si>
  <si>
    <t>V prípade, ak sa po uzatvorení tejto rámcovej dohody preukáže, že na relevantnom trhu existuje nižšia cena za rovnaké alebo porovnateľné plnenie ako je obsiahnuté v tejto rámcovej dohode od akéhokoľvek dodávateľa (t.j. viac ako 5 % v neprospech ceny podľa tejto rámcovej dohody), objednávateľ po preukázaní tejto skutočnosti vyzve dodávateľa k rokovaniu o ďalšom postupe vo veci úpravy zmluvnej ceny (napr. návrh na uzavretie dodatku, predmetom ktorého bude zníženie zmluvnej ceny a pod.).</t>
  </si>
  <si>
    <t xml:space="preserve">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 </t>
  </si>
  <si>
    <t>4.  TECHNICKÁ ŠPECIFIKÁCIA PREDMETU ZÁKAZKY</t>
  </si>
  <si>
    <t>1.  VŠEOBECNÁ ŠPECIFIKÁCIA PREDMETU ZÁKAZKY</t>
  </si>
  <si>
    <t>5.  MINIMÁLNE OSOBITNÉ ZMLUVNÉ POŽIADAVKY NA PREDMET ZÁKAZKY</t>
  </si>
  <si>
    <t>6.  PRÍLOHY</t>
  </si>
  <si>
    <t>Tovar, služba</t>
  </si>
  <si>
    <t>Položka č. 168</t>
  </si>
  <si>
    <t>Termo páska typ č. 3</t>
  </si>
  <si>
    <t>kompatibilná s vyvolavacim syst. Kiosk</t>
  </si>
  <si>
    <t>vyrobená z termo papiera KOEHLER s gramážou (min. 48g/m2)</t>
  </si>
  <si>
    <t>priemer 80 mm</t>
  </si>
  <si>
    <t>Návin 80 metrov</t>
  </si>
  <si>
    <t>33.</t>
  </si>
  <si>
    <t>Splatnosť faktúr je šesťdesiať (60) kalendárnych dní odo dňa jej doručenia objednávateľovi. Úhradu faktúry vykoná objednávateľ bezhotovostným prevodom na účet dodávateľa. Za deň splnenia peňažného záväzku sa považuje deň odpísania dlžnej sumy z účtu objednávateľa v prospech účtu dodávateľa.</t>
  </si>
  <si>
    <t>Záručná doba na tovar je min. 24 mesiacov, pokiaľ na záručnom liste alebo obale tovaru nie je vyznačená dlhšia doba podľa záručných podmienok výrobcu. Záručná doba začína plynúť dňom prevzatia tovaru na základe potvrdeného dodacieho listu. Počas plynutia záručnej doby sa dodávateľ zaväzuje bez zbytočného odkladu, najneskôr do 2 pracovných dní, od doručenia písomnej reklamácie objednávateľa dodať náhradné plnenie (t.j. ten istý druh tovaru, v rovnakom množstve) za tú časť plnenia predmetu zákazky, ktorá bola objednávateľom v reklamácii označená ako dodaná s vadami.</t>
  </si>
  <si>
    <t>Dodávateľ je povinný bezodkladne, najneskôr však do 5 pracovných dní od zistenia skutočnosti, resp. od oznámenia zistenej skutočnosti uvedenej v predchádzajúcej vete, doručiť objednávateľovi dodatok, predmetom ktorého bude upravená cena zistená podľa bodu 29. týchto zmluvných požiadaviek.</t>
  </si>
  <si>
    <t>V prípade, ak sa na predmet zákazky vykonala prípravná trhová konzultácia, informácie k prípravnej trhovej konzultácie verejný obstarávateľ zverejňuje na www.vusch.sk/verejne-obstaravanie/.</t>
  </si>
  <si>
    <t>Názov jednotlivých položiek predmetu zákazky s uvedením predpokladaného počtu a veľkosťou mernej jednotky je uvedený v súbore "Príloha č. 1 - Kalkulácia ceny".</t>
  </si>
  <si>
    <t>Kalkulácia ceny a návrh na plnenie kritéria na vyhodnotenie ponúk - Štruktúrovaný rozpočet ceny predmetu zákazky</t>
  </si>
  <si>
    <t>Požaduje sa uzatvorenie rámcovej dohody na 12, eventuálne 24, eventuálne 36 kalendárnych mesiacov , resp. do doby naplnenia zmluvného finančného objemu podľa toho, ktorá z uvedených skutočností nastane skôr.</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73">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dotted">
        <color auto="1"/>
      </top>
      <bottom style="medium">
        <color auto="1"/>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thin">
        <color auto="1"/>
      </left>
      <right/>
      <top/>
      <bottom/>
      <diagonal/>
    </border>
    <border>
      <left style="thin">
        <color auto="1"/>
      </left>
      <right/>
      <top style="thin">
        <color auto="1"/>
      </top>
      <bottom style="medium">
        <color auto="1"/>
      </bottom>
      <diagonal/>
    </border>
    <border>
      <left style="medium">
        <color indexed="64"/>
      </left>
      <right style="thin">
        <color auto="1"/>
      </right>
      <top style="medium">
        <color indexed="64"/>
      </top>
      <bottom style="thin">
        <color auto="1"/>
      </bottom>
      <diagonal/>
    </border>
    <border>
      <left style="thin">
        <color auto="1"/>
      </left>
      <right/>
      <top style="medium">
        <color auto="1"/>
      </top>
      <bottom style="thin">
        <color auto="1"/>
      </bottom>
      <diagonal/>
    </border>
    <border>
      <left style="medium">
        <color auto="1"/>
      </left>
      <right style="thin">
        <color auto="1"/>
      </right>
      <top/>
      <bottom style="thin">
        <color auto="1"/>
      </bottom>
      <diagonal/>
    </border>
    <border>
      <left style="medium">
        <color auto="1"/>
      </left>
      <right style="thin">
        <color auto="1"/>
      </right>
      <top style="thin">
        <color auto="1"/>
      </top>
      <bottom/>
      <diagonal/>
    </border>
    <border>
      <left/>
      <right style="medium">
        <color indexed="64"/>
      </right>
      <top style="thin">
        <color auto="1"/>
      </top>
      <bottom style="thin">
        <color auto="1"/>
      </bottom>
      <diagonal/>
    </border>
    <border>
      <left/>
      <right style="medium">
        <color indexed="64"/>
      </right>
      <top style="thin">
        <color auto="1"/>
      </top>
      <bottom style="medium">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right/>
      <top style="thin">
        <color auto="1"/>
      </top>
      <bottom style="thin">
        <color auto="1"/>
      </bottom>
      <diagonal/>
    </border>
    <border>
      <left style="medium">
        <color auto="1"/>
      </left>
      <right style="thin">
        <color auto="1"/>
      </right>
      <top style="medium">
        <color auto="1"/>
      </top>
      <bottom style="dotted">
        <color auto="1"/>
      </bottom>
      <diagonal/>
    </border>
    <border>
      <left style="thin">
        <color auto="1"/>
      </left>
      <right style="thin">
        <color auto="1"/>
      </right>
      <top style="medium">
        <color auto="1"/>
      </top>
      <bottom style="dotted">
        <color auto="1"/>
      </bottom>
      <diagonal/>
    </border>
    <border>
      <left style="thin">
        <color auto="1"/>
      </left>
      <right style="thin">
        <color auto="1"/>
      </right>
      <top style="medium">
        <color auto="1"/>
      </top>
      <bottom/>
      <diagonal/>
    </border>
    <border>
      <left style="thin">
        <color auto="1"/>
      </left>
      <right style="thin">
        <color auto="1"/>
      </right>
      <top/>
      <bottom style="medium">
        <color auto="1"/>
      </bottom>
      <diagonal/>
    </border>
    <border>
      <left style="thin">
        <color auto="1"/>
      </left>
      <right style="thin">
        <color auto="1"/>
      </right>
      <top/>
      <bottom/>
      <diagonal/>
    </border>
    <border>
      <left/>
      <right/>
      <top style="dotted">
        <color auto="1"/>
      </top>
      <bottom style="medium">
        <color auto="1"/>
      </bottom>
      <diagonal/>
    </border>
    <border>
      <left style="medium">
        <color auto="1"/>
      </left>
      <right style="thin">
        <color auto="1"/>
      </right>
      <top/>
      <bottom style="medium">
        <color auto="1"/>
      </bottom>
      <diagonal/>
    </border>
    <border>
      <left style="thin">
        <color auto="1"/>
      </left>
      <right style="medium">
        <color auto="1"/>
      </right>
      <top style="medium">
        <color auto="1"/>
      </top>
      <bottom style="thin">
        <color auto="1"/>
      </bottom>
      <diagonal/>
    </border>
    <border>
      <left style="thin">
        <color auto="1"/>
      </left>
      <right style="thin">
        <color auto="1"/>
      </right>
      <top style="medium">
        <color auto="1"/>
      </top>
      <bottom style="thin">
        <color auto="1"/>
      </bottom>
      <diagonal/>
    </border>
    <border>
      <left style="medium">
        <color auto="1"/>
      </left>
      <right style="dotted">
        <color auto="1"/>
      </right>
      <top style="dotted">
        <color auto="1"/>
      </top>
      <bottom style="medium">
        <color auto="1"/>
      </bottom>
      <diagonal/>
    </border>
    <border>
      <left/>
      <right style="medium">
        <color auto="1"/>
      </right>
      <top/>
      <bottom style="medium">
        <color auto="1"/>
      </bottom>
      <diagonal/>
    </border>
    <border>
      <left style="medium">
        <color auto="1"/>
      </left>
      <right style="medium">
        <color auto="1"/>
      </right>
      <top style="medium">
        <color auto="1"/>
      </top>
      <bottom/>
      <diagonal/>
    </border>
    <border>
      <left style="medium">
        <color auto="1"/>
      </left>
      <right style="medium">
        <color auto="1"/>
      </right>
      <top/>
      <bottom/>
      <diagonal/>
    </border>
    <border>
      <left style="thin">
        <color auto="1"/>
      </left>
      <right style="thin">
        <color auto="1"/>
      </right>
      <top style="dotted">
        <color auto="1"/>
      </top>
      <bottom style="dotted">
        <color auto="1"/>
      </bottom>
      <diagonal/>
    </border>
    <border>
      <left style="medium">
        <color auto="1"/>
      </left>
      <right style="thin">
        <color auto="1"/>
      </right>
      <top style="dotted">
        <color auto="1"/>
      </top>
      <bottom/>
      <diagonal/>
    </border>
    <border>
      <left style="medium">
        <color auto="1"/>
      </left>
      <right style="thin">
        <color auto="1"/>
      </right>
      <top/>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dotted">
        <color auto="1"/>
      </bottom>
      <diagonal/>
    </border>
    <border>
      <left style="thin">
        <color auto="1"/>
      </left>
      <right style="thin">
        <color auto="1"/>
      </right>
      <top style="thin">
        <color auto="1"/>
      </top>
      <bottom style="dotted">
        <color auto="1"/>
      </bottom>
      <diagonal/>
    </border>
    <border>
      <left style="medium">
        <color auto="1"/>
      </left>
      <right style="thin">
        <color auto="1"/>
      </right>
      <top style="dotted">
        <color auto="1"/>
      </top>
      <bottom style="thin">
        <color auto="1"/>
      </bottom>
      <diagonal/>
    </border>
    <border>
      <left style="thin">
        <color auto="1"/>
      </left>
      <right style="thin">
        <color auto="1"/>
      </right>
      <top style="dotted">
        <color auto="1"/>
      </top>
      <bottom style="thin">
        <color auto="1"/>
      </bottom>
      <diagonal/>
    </border>
    <border>
      <left style="thin">
        <color auto="1"/>
      </left>
      <right style="medium">
        <color indexed="64"/>
      </right>
      <top style="thin">
        <color auto="1"/>
      </top>
      <bottom/>
      <diagonal/>
    </border>
    <border>
      <left style="thin">
        <color auto="1"/>
      </left>
      <right style="medium">
        <color indexed="64"/>
      </right>
      <top/>
      <bottom/>
      <diagonal/>
    </border>
    <border>
      <left style="thin">
        <color auto="1"/>
      </left>
      <right style="medium">
        <color indexed="64"/>
      </right>
      <top/>
      <bottom style="thin">
        <color auto="1"/>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medium">
        <color indexed="64"/>
      </right>
      <top style="dotted">
        <color auto="1"/>
      </top>
      <bottom style="dotted">
        <color auto="1"/>
      </bottom>
      <diagonal/>
    </border>
    <border>
      <left style="medium">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style="thin">
        <color auto="1"/>
      </left>
      <right/>
      <top style="thin">
        <color auto="1"/>
      </top>
      <bottom/>
      <diagonal/>
    </border>
    <border>
      <left/>
      <right style="medium">
        <color indexed="64"/>
      </right>
      <top style="thin">
        <color auto="1"/>
      </top>
      <bottom/>
      <diagonal/>
    </border>
    <border>
      <left style="thin">
        <color auto="1"/>
      </left>
      <right/>
      <top/>
      <bottom style="thin">
        <color auto="1"/>
      </bottom>
      <diagonal/>
    </border>
    <border>
      <left/>
      <right style="medium">
        <color indexed="64"/>
      </right>
      <top/>
      <bottom/>
      <diagonal/>
    </border>
    <border>
      <left/>
      <right style="medium">
        <color indexed="64"/>
      </right>
      <top/>
      <bottom style="thin">
        <color auto="1"/>
      </bottom>
      <diagonal/>
    </border>
    <border>
      <left/>
      <right style="thin">
        <color indexed="64"/>
      </right>
      <top style="thin">
        <color auto="1"/>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95">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2" xfId="0" applyFont="1" applyFill="1" applyBorder="1" applyAlignment="1">
      <alignment horizontal="left"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8"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22"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2" xfId="5" applyFont="1" applyFill="1" applyBorder="1" applyAlignment="1">
      <alignment horizontal="right" vertical="center" wrapText="1"/>
    </xf>
    <xf numFmtId="0" fontId="11" fillId="2" borderId="12" xfId="0" applyNumberFormat="1" applyFont="1" applyFill="1" applyBorder="1" applyAlignment="1">
      <alignment horizontal="left" vertical="center" wrapText="1"/>
    </xf>
    <xf numFmtId="0" fontId="7" fillId="2" borderId="12" xfId="0" applyNumberFormat="1" applyFont="1" applyFill="1" applyBorder="1" applyAlignment="1">
      <alignment horizontal="left" vertical="center" wrapText="1"/>
    </xf>
    <xf numFmtId="49" fontId="4" fillId="0" borderId="12" xfId="0" applyNumberFormat="1" applyFont="1" applyFill="1" applyBorder="1" applyAlignment="1">
      <alignment horizontal="left" vertical="center" wrapText="1"/>
    </xf>
    <xf numFmtId="49" fontId="4" fillId="0" borderId="24" xfId="0" applyNumberFormat="1" applyFont="1" applyFill="1" applyBorder="1" applyAlignment="1">
      <alignment horizontal="left" vertical="center" wrapText="1"/>
    </xf>
    <xf numFmtId="49" fontId="2" fillId="0" borderId="8" xfId="0" applyNumberFormat="1" applyFont="1" applyBorder="1" applyAlignment="1">
      <alignment horizontal="center" vertical="center"/>
    </xf>
    <xf numFmtId="16" fontId="5" fillId="0" borderId="0" xfId="0" applyNumberFormat="1" applyFont="1" applyFill="1" applyAlignment="1">
      <alignment horizontal="left" vertical="top" wrapText="1"/>
    </xf>
    <xf numFmtId="0" fontId="2" fillId="0" borderId="12" xfId="0" applyNumberFormat="1" applyFont="1" applyBorder="1" applyAlignment="1">
      <alignment horizontal="center" vertical="center" wrapText="1"/>
    </xf>
    <xf numFmtId="0" fontId="2" fillId="0" borderId="24" xfId="0" applyNumberFormat="1" applyFont="1" applyBorder="1" applyAlignment="1">
      <alignment horizontal="center" vertical="center" wrapText="1"/>
    </xf>
    <xf numFmtId="49" fontId="5" fillId="5" borderId="28" xfId="0" applyNumberFormat="1" applyFont="1" applyFill="1" applyBorder="1" applyAlignment="1">
      <alignment vertical="center" wrapText="1"/>
    </xf>
    <xf numFmtId="49" fontId="5" fillId="5" borderId="8" xfId="0" applyNumberFormat="1" applyFont="1" applyFill="1" applyBorder="1" applyAlignment="1">
      <alignment vertical="center" wrapText="1"/>
    </xf>
    <xf numFmtId="0" fontId="2" fillId="0" borderId="0" xfId="0" applyFont="1" applyAlignment="1">
      <alignment horizontal="center"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4" fillId="0" borderId="0" xfId="0" applyFont="1" applyFill="1" applyAlignment="1">
      <alignment horizontal="left" vertical="top" wrapText="1"/>
    </xf>
    <xf numFmtId="0" fontId="4" fillId="0" borderId="0" xfId="0" applyNumberFormat="1" applyFont="1" applyAlignment="1">
      <alignment horizontal="left" vertical="top" wrapText="1"/>
    </xf>
    <xf numFmtId="49" fontId="3" fillId="0" borderId="0" xfId="0" applyNumberFormat="1" applyFont="1" applyFill="1" applyAlignment="1">
      <alignment horizontal="left" vertical="center" wrapText="1"/>
    </xf>
    <xf numFmtId="49" fontId="3" fillId="2" borderId="38" xfId="0" applyNumberFormat="1" applyFont="1" applyFill="1" applyBorder="1" applyAlignment="1">
      <alignment vertical="top" wrapText="1"/>
    </xf>
    <xf numFmtId="49" fontId="3" fillId="2" borderId="38" xfId="0" applyNumberFormat="1" applyFont="1" applyFill="1" applyBorder="1" applyAlignment="1">
      <alignment horizontal="center" vertical="top" wrapText="1"/>
    </xf>
    <xf numFmtId="49" fontId="3" fillId="0" borderId="39" xfId="0" applyNumberFormat="1" applyFont="1" applyFill="1" applyBorder="1" applyAlignment="1">
      <alignment horizontal="center" vertical="top" wrapText="1"/>
    </xf>
    <xf numFmtId="49" fontId="2" fillId="0" borderId="40" xfId="0" applyNumberFormat="1" applyFont="1" applyFill="1" applyBorder="1" applyAlignment="1">
      <alignment horizontal="center" vertical="center" wrapText="1"/>
    </xf>
    <xf numFmtId="49" fontId="4" fillId="0" borderId="34" xfId="0" applyNumberFormat="1" applyFont="1" applyFill="1" applyBorder="1" applyAlignment="1">
      <alignment horizontal="left" vertical="center" wrapText="1"/>
    </xf>
    <xf numFmtId="49" fontId="4" fillId="0" borderId="41" xfId="0" applyNumberFormat="1" applyFont="1" applyFill="1" applyBorder="1" applyAlignment="1">
      <alignment horizontal="left" vertical="center" wrapText="1"/>
    </xf>
    <xf numFmtId="49" fontId="4" fillId="0" borderId="35" xfId="0" applyNumberFormat="1" applyFont="1" applyFill="1" applyBorder="1" applyAlignment="1">
      <alignment horizontal="left" vertical="center" wrapText="1"/>
    </xf>
    <xf numFmtId="49" fontId="2" fillId="2" borderId="42" xfId="0" applyNumberFormat="1" applyFont="1" applyFill="1" applyBorder="1" applyAlignment="1">
      <alignment horizontal="center" vertical="center" wrapText="1"/>
    </xf>
    <xf numFmtId="0" fontId="2" fillId="0" borderId="5" xfId="0" applyNumberFormat="1" applyFont="1" applyBorder="1" applyAlignment="1">
      <alignment horizontal="center" vertical="center" wrapText="1"/>
    </xf>
    <xf numFmtId="0" fontId="7" fillId="0" borderId="0" xfId="0" applyNumberFormat="1" applyFont="1" applyBorder="1" applyAlignment="1">
      <alignment horizontal="left" vertical="center" wrapText="1"/>
    </xf>
    <xf numFmtId="49" fontId="2" fillId="0" borderId="13" xfId="0" applyNumberFormat="1" applyFont="1" applyBorder="1" applyAlignment="1">
      <alignment horizontal="center" vertical="center"/>
    </xf>
    <xf numFmtId="49" fontId="2" fillId="2" borderId="46" xfId="0" applyNumberFormat="1" applyFont="1" applyFill="1" applyBorder="1" applyAlignment="1">
      <alignment horizontal="center" vertical="center" wrapText="1"/>
    </xf>
    <xf numFmtId="0" fontId="2" fillId="0" borderId="48" xfId="0" applyFont="1" applyBorder="1" applyAlignment="1">
      <alignment vertical="top" wrapText="1"/>
    </xf>
    <xf numFmtId="0" fontId="2" fillId="0" borderId="49" xfId="0" applyFont="1" applyBorder="1" applyAlignment="1">
      <alignment vertical="top" wrapText="1"/>
    </xf>
    <xf numFmtId="0" fontId="2" fillId="0" borderId="0" xfId="0" applyFont="1" applyFill="1" applyBorder="1" applyAlignment="1">
      <alignment vertical="top" wrapText="1"/>
    </xf>
    <xf numFmtId="0" fontId="2" fillId="0" borderId="40" xfId="0" applyFont="1" applyFill="1" applyBorder="1" applyAlignment="1">
      <alignment vertical="top" wrapText="1"/>
    </xf>
    <xf numFmtId="49" fontId="2" fillId="0" borderId="28" xfId="0" applyNumberFormat="1" applyFont="1" applyFill="1" applyBorder="1" applyAlignment="1">
      <alignment vertical="top" wrapText="1"/>
    </xf>
    <xf numFmtId="49" fontId="2" fillId="0" borderId="8" xfId="0" applyNumberFormat="1" applyFont="1" applyFill="1" applyBorder="1" applyAlignment="1">
      <alignment vertical="top" wrapText="1"/>
    </xf>
    <xf numFmtId="49" fontId="2" fillId="0" borderId="8" xfId="0" applyNumberFormat="1" applyFont="1" applyFill="1" applyBorder="1" applyAlignment="1">
      <alignment horizontal="left" vertical="top" wrapText="1"/>
    </xf>
    <xf numFmtId="49" fontId="2" fillId="0" borderId="7" xfId="0" applyNumberFormat="1" applyFont="1" applyFill="1" applyBorder="1" applyAlignment="1">
      <alignment horizontal="left" vertical="top" wrapText="1"/>
    </xf>
    <xf numFmtId="49" fontId="2" fillId="0" borderId="7" xfId="0" applyNumberFormat="1" applyFont="1" applyFill="1" applyBorder="1" applyAlignment="1">
      <alignment horizontal="center" vertical="top" wrapText="1"/>
    </xf>
    <xf numFmtId="49" fontId="2" fillId="0" borderId="52" xfId="0" applyNumberFormat="1" applyFont="1" applyFill="1" applyBorder="1" applyAlignment="1">
      <alignment horizontal="center" vertical="top" wrapText="1"/>
    </xf>
    <xf numFmtId="49" fontId="2" fillId="0" borderId="51" xfId="0" applyNumberFormat="1" applyFont="1" applyFill="1" applyBorder="1" applyAlignment="1">
      <alignment horizontal="center" vertical="top" wrapText="1"/>
    </xf>
    <xf numFmtId="49" fontId="2" fillId="0" borderId="54" xfId="0" applyNumberFormat="1" applyFont="1" applyFill="1" applyBorder="1" applyAlignment="1">
      <alignment horizontal="left" vertical="top" wrapText="1"/>
    </xf>
    <xf numFmtId="49" fontId="2" fillId="0" borderId="56" xfId="0" applyNumberFormat="1" applyFont="1" applyFill="1" applyBorder="1" applyAlignment="1">
      <alignment horizontal="center" vertical="top" wrapText="1"/>
    </xf>
    <xf numFmtId="49" fontId="2" fillId="0" borderId="31" xfId="0" applyNumberFormat="1" applyFont="1" applyFill="1" applyBorder="1" applyAlignment="1">
      <alignment horizontal="left" vertical="top" wrapText="1"/>
    </xf>
    <xf numFmtId="49" fontId="2" fillId="0" borderId="30" xfId="0" applyNumberFormat="1" applyFont="1" applyFill="1" applyBorder="1" applyAlignment="1">
      <alignment horizontal="center" vertical="top" wrapText="1"/>
    </xf>
    <xf numFmtId="49" fontId="2" fillId="0" borderId="53" xfId="0" applyNumberFormat="1" applyFont="1" applyFill="1" applyBorder="1" applyAlignment="1">
      <alignment horizontal="center" vertical="top" wrapText="1"/>
    </xf>
    <xf numFmtId="49" fontId="2" fillId="0" borderId="43" xfId="0" applyNumberFormat="1" applyFont="1" applyFill="1" applyBorder="1" applyAlignment="1">
      <alignment vertical="top" wrapText="1"/>
    </xf>
    <xf numFmtId="0" fontId="2" fillId="0" borderId="45" xfId="0" applyNumberFormat="1" applyFont="1" applyBorder="1" applyAlignment="1">
      <alignment horizontal="center" vertical="center" wrapText="1"/>
    </xf>
    <xf numFmtId="0" fontId="2" fillId="0" borderId="55" xfId="0" applyNumberFormat="1" applyFont="1" applyBorder="1" applyAlignment="1">
      <alignment horizontal="center" vertical="center" wrapText="1"/>
    </xf>
    <xf numFmtId="0" fontId="2" fillId="0" borderId="57" xfId="0" applyNumberFormat="1" applyFont="1" applyBorder="1" applyAlignment="1">
      <alignment horizontal="center" vertical="center" wrapText="1"/>
    </xf>
    <xf numFmtId="0" fontId="2" fillId="0" borderId="50" xfId="0" applyNumberFormat="1" applyFont="1" applyBorder="1" applyAlignment="1">
      <alignment horizontal="center" vertical="center" wrapText="1"/>
    </xf>
    <xf numFmtId="0" fontId="7" fillId="0" borderId="0" xfId="0" applyNumberFormat="1" applyFont="1" applyBorder="1" applyAlignment="1">
      <alignment vertical="center" wrapText="1"/>
    </xf>
    <xf numFmtId="49" fontId="2" fillId="0" borderId="5" xfId="0" applyNumberFormat="1" applyFont="1" applyBorder="1" applyAlignment="1">
      <alignment horizontal="left" vertical="center" wrapText="1"/>
    </xf>
    <xf numFmtId="49" fontId="2" fillId="0" borderId="32" xfId="0" applyNumberFormat="1" applyFont="1" applyBorder="1" applyAlignment="1">
      <alignment horizontal="left" vertical="center" wrapText="1"/>
    </xf>
    <xf numFmtId="0" fontId="2" fillId="0" borderId="0" xfId="0" applyFont="1" applyFill="1" applyBorder="1" applyAlignment="1">
      <alignment horizontal="center" vertical="center" wrapText="1"/>
    </xf>
    <xf numFmtId="0" fontId="4" fillId="0" borderId="5" xfId="0" applyFont="1" applyFill="1" applyBorder="1" applyAlignment="1">
      <alignment horizontal="left" vertical="top" wrapText="1"/>
    </xf>
    <xf numFmtId="0" fontId="4" fillId="0" borderId="32" xfId="0" applyFont="1" applyFill="1" applyBorder="1" applyAlignment="1">
      <alignment horizontal="left" vertical="top" wrapText="1"/>
    </xf>
    <xf numFmtId="0" fontId="2" fillId="0" borderId="12" xfId="0" applyNumberFormat="1" applyFont="1" applyBorder="1" applyAlignment="1">
      <alignment horizontal="left" vertical="center" wrapText="1"/>
    </xf>
    <xf numFmtId="0" fontId="2" fillId="0" borderId="9" xfId="0" applyNumberFormat="1" applyFont="1" applyBorder="1" applyAlignment="1">
      <alignment horizontal="left" vertical="center" wrapText="1"/>
    </xf>
    <xf numFmtId="49" fontId="2" fillId="0" borderId="27" xfId="0" applyNumberFormat="1" applyFont="1" applyBorder="1" applyAlignment="1">
      <alignment horizontal="left" vertical="center" wrapText="1"/>
    </xf>
    <xf numFmtId="49" fontId="2" fillId="0" borderId="33" xfId="0" applyNumberFormat="1" applyFont="1" applyBorder="1" applyAlignment="1">
      <alignment horizontal="left" vertical="center" wrapText="1"/>
    </xf>
    <xf numFmtId="49" fontId="5" fillId="5" borderId="5" xfId="0" applyNumberFormat="1" applyFont="1" applyFill="1" applyBorder="1" applyAlignment="1">
      <alignment horizontal="left" vertical="center" wrapText="1"/>
    </xf>
    <xf numFmtId="49" fontId="5" fillId="5" borderId="36" xfId="0" applyNumberFormat="1" applyFont="1" applyFill="1" applyBorder="1" applyAlignment="1">
      <alignment horizontal="left" vertical="center" wrapText="1"/>
    </xf>
    <xf numFmtId="49" fontId="5" fillId="5" borderId="32" xfId="0" applyNumberFormat="1" applyFont="1" applyFill="1" applyBorder="1" applyAlignment="1">
      <alignment horizontal="left" vertical="center" wrapText="1"/>
    </xf>
    <xf numFmtId="49" fontId="4" fillId="0" borderId="34" xfId="0" applyNumberFormat="1" applyFont="1" applyFill="1" applyBorder="1" applyAlignment="1">
      <alignment horizontal="center" vertical="center" wrapText="1"/>
    </xf>
    <xf numFmtId="49" fontId="4" fillId="0" borderId="41" xfId="0" applyNumberFormat="1" applyFont="1" applyFill="1" applyBorder="1" applyAlignment="1">
      <alignment horizontal="center" vertical="center" wrapText="1"/>
    </xf>
    <xf numFmtId="49" fontId="4" fillId="0" borderId="40" xfId="0" applyNumberFormat="1" applyFont="1" applyFill="1" applyBorder="1" applyAlignment="1">
      <alignment horizontal="center" vertical="center" wrapText="1"/>
    </xf>
    <xf numFmtId="0" fontId="2" fillId="0" borderId="34" xfId="0" applyNumberFormat="1" applyFont="1" applyBorder="1" applyAlignment="1">
      <alignment horizontal="center" vertical="center" wrapText="1"/>
    </xf>
    <xf numFmtId="0" fontId="2" fillId="0" borderId="41" xfId="0" applyNumberFormat="1" applyFont="1" applyBorder="1" applyAlignment="1">
      <alignment horizontal="center" vertical="center" wrapText="1"/>
    </xf>
    <xf numFmtId="0" fontId="2" fillId="0" borderId="40" xfId="0" applyNumberFormat="1" applyFont="1" applyBorder="1" applyAlignment="1">
      <alignment horizontal="center" vertical="center" wrapText="1"/>
    </xf>
    <xf numFmtId="49" fontId="2" fillId="0" borderId="5" xfId="0" applyNumberFormat="1" applyFont="1" applyBorder="1" applyAlignment="1">
      <alignment horizontal="left" vertical="center" wrapText="1"/>
    </xf>
    <xf numFmtId="49" fontId="2" fillId="0" borderId="32" xfId="0" applyNumberFormat="1" applyFont="1" applyBorder="1" applyAlignment="1">
      <alignment horizontal="left" vertical="center" wrapText="1"/>
    </xf>
    <xf numFmtId="0" fontId="2" fillId="0" borderId="35" xfId="0" applyNumberFormat="1" applyFont="1" applyBorder="1" applyAlignment="1">
      <alignment horizontal="center" vertical="center" wrapText="1"/>
    </xf>
    <xf numFmtId="49" fontId="4" fillId="0" borderId="35" xfId="0" applyNumberFormat="1" applyFont="1" applyFill="1" applyBorder="1" applyAlignment="1">
      <alignment horizontal="center" vertical="center" wrapText="1"/>
    </xf>
    <xf numFmtId="0" fontId="2" fillId="0" borderId="0" xfId="0" applyFont="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3" fillId="4" borderId="0" xfId="0" applyFont="1" applyFill="1" applyAlignment="1">
      <alignment horizontal="center"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0" xfId="0" applyFont="1" applyFill="1" applyAlignment="1">
      <alignment horizontal="center" vertical="top" wrapText="1"/>
    </xf>
    <xf numFmtId="0" fontId="3" fillId="2" borderId="17" xfId="0" applyFont="1" applyFill="1" applyBorder="1" applyAlignment="1">
      <alignment horizontal="center" vertical="top" wrapText="1"/>
    </xf>
    <xf numFmtId="0" fontId="3" fillId="2" borderId="16"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9" xfId="0" applyNumberFormat="1" applyFont="1" applyFill="1" applyBorder="1" applyAlignment="1">
      <alignment horizontal="center" vertical="center" wrapText="1"/>
    </xf>
    <xf numFmtId="49" fontId="2" fillId="2" borderId="20"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49" fontId="3" fillId="2" borderId="37" xfId="0" applyNumberFormat="1" applyFont="1" applyFill="1" applyBorder="1" applyAlignment="1">
      <alignment horizontal="center" vertical="top" wrapText="1"/>
    </xf>
    <xf numFmtId="49" fontId="3" fillId="2" borderId="11" xfId="0" applyNumberFormat="1" applyFont="1" applyFill="1" applyBorder="1" applyAlignment="1">
      <alignment horizontal="center" vertical="top" wrapText="1"/>
    </xf>
    <xf numFmtId="0" fontId="2" fillId="3" borderId="5" xfId="0" applyFont="1" applyFill="1" applyBorder="1" applyAlignment="1">
      <alignment horizontal="left" vertical="top" wrapText="1"/>
    </xf>
    <xf numFmtId="0" fontId="2" fillId="3" borderId="36" xfId="0" applyFont="1" applyFill="1" applyBorder="1" applyAlignment="1">
      <alignment horizontal="left" vertical="top" wrapText="1"/>
    </xf>
    <xf numFmtId="49" fontId="5" fillId="5" borderId="29" xfId="0" applyNumberFormat="1" applyFont="1" applyFill="1" applyBorder="1" applyAlignment="1">
      <alignment horizontal="left" vertical="center" wrapText="1"/>
    </xf>
    <xf numFmtId="49" fontId="5" fillId="5" borderId="15" xfId="0" applyNumberFormat="1" applyFont="1" applyFill="1" applyBorder="1" applyAlignment="1">
      <alignment horizontal="left" vertical="center" wrapText="1"/>
    </xf>
    <xf numFmtId="49" fontId="5" fillId="5" borderId="10" xfId="0" applyNumberFormat="1" applyFont="1" applyFill="1" applyBorder="1" applyAlignment="1">
      <alignment horizontal="left" vertical="center" wrapText="1"/>
    </xf>
    <xf numFmtId="0" fontId="12" fillId="0" borderId="6"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49" fontId="2" fillId="2" borderId="23" xfId="0" applyNumberFormat="1" applyFont="1" applyFill="1" applyBorder="1" applyAlignment="1">
      <alignment horizontal="center" vertical="center" wrapText="1"/>
    </xf>
    <xf numFmtId="49" fontId="2" fillId="0" borderId="5" xfId="0" applyNumberFormat="1" applyFont="1" applyFill="1" applyBorder="1" applyAlignment="1">
      <alignment horizontal="left" vertical="center" wrapText="1"/>
    </xf>
    <xf numFmtId="49" fontId="2" fillId="0" borderId="32" xfId="0" applyNumberFormat="1" applyFont="1" applyFill="1" applyBorder="1" applyAlignment="1">
      <alignment horizontal="left" vertical="center" wrapText="1"/>
    </xf>
    <xf numFmtId="49" fontId="5" fillId="0" borderId="34" xfId="0" applyNumberFormat="1" applyFont="1" applyFill="1" applyBorder="1" applyAlignment="1">
      <alignment horizontal="center" vertical="center" wrapText="1"/>
    </xf>
    <xf numFmtId="49" fontId="5" fillId="0" borderId="41" xfId="0" applyNumberFormat="1" applyFont="1" applyFill="1" applyBorder="1" applyAlignment="1">
      <alignment horizontal="center" vertical="center" wrapText="1"/>
    </xf>
    <xf numFmtId="49" fontId="5" fillId="0" borderId="35" xfId="0" applyNumberFormat="1" applyFont="1" applyFill="1" applyBorder="1" applyAlignment="1">
      <alignment horizontal="center" vertical="center" wrapText="1"/>
    </xf>
    <xf numFmtId="0" fontId="4" fillId="0" borderId="67" xfId="0" applyFont="1" applyFill="1" applyBorder="1" applyAlignment="1">
      <alignment horizontal="left" vertical="top" wrapText="1"/>
    </xf>
    <xf numFmtId="0" fontId="4" fillId="0" borderId="68" xfId="0" applyFont="1" applyFill="1" applyBorder="1" applyAlignment="1">
      <alignment horizontal="left" vertical="top" wrapText="1"/>
    </xf>
    <xf numFmtId="49" fontId="3" fillId="2" borderId="1"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2" xfId="0" applyNumberFormat="1" applyFont="1" applyFill="1" applyBorder="1" applyAlignment="1">
      <alignment horizontal="lef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3" fillId="2" borderId="47" xfId="0" applyNumberFormat="1" applyFont="1" applyFill="1" applyBorder="1" applyAlignment="1">
      <alignment horizontal="left" vertical="top" wrapText="1"/>
    </xf>
    <xf numFmtId="0" fontId="3" fillId="2" borderId="64" xfId="0" applyFont="1" applyFill="1" applyBorder="1" applyAlignment="1">
      <alignment horizontal="center" vertical="top" wrapText="1"/>
    </xf>
    <xf numFmtId="0" fontId="3" fillId="2" borderId="65" xfId="0" applyFont="1" applyFill="1" applyBorder="1" applyAlignment="1">
      <alignment horizontal="center" vertical="top" wrapText="1"/>
    </xf>
    <xf numFmtId="0" fontId="3" fillId="2" borderId="66" xfId="0" applyFont="1" applyFill="1" applyBorder="1" applyAlignment="1">
      <alignment horizontal="center" vertical="top" wrapText="1"/>
    </xf>
    <xf numFmtId="49" fontId="2" fillId="2" borderId="21"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4" fillId="0" borderId="17" xfId="0" applyFont="1" applyFill="1" applyBorder="1" applyAlignment="1">
      <alignment horizontal="left" vertical="top" wrapText="1"/>
    </xf>
    <xf numFmtId="0" fontId="4" fillId="0" borderId="2" xfId="0" applyFont="1" applyFill="1" applyBorder="1" applyAlignment="1">
      <alignment horizontal="left" vertical="top" wrapText="1"/>
    </xf>
    <xf numFmtId="0" fontId="2" fillId="0" borderId="55" xfId="0" applyNumberFormat="1" applyFont="1" applyBorder="1" applyAlignment="1">
      <alignment horizontal="left" vertical="center" wrapText="1"/>
    </xf>
    <xf numFmtId="0" fontId="2" fillId="0" borderId="61" xfId="0" applyNumberFormat="1" applyFont="1" applyBorder="1" applyAlignment="1">
      <alignment horizontal="left" vertical="center" wrapText="1"/>
    </xf>
    <xf numFmtId="0" fontId="4" fillId="0" borderId="69" xfId="0" applyFont="1" applyFill="1" applyBorder="1" applyAlignment="1">
      <alignment horizontal="left" vertical="top" wrapText="1"/>
    </xf>
    <xf numFmtId="0" fontId="4" fillId="0" borderId="71" xfId="0" applyFont="1" applyFill="1" applyBorder="1" applyAlignment="1">
      <alignment horizontal="left" vertical="top" wrapText="1"/>
    </xf>
    <xf numFmtId="0" fontId="4" fillId="0" borderId="26" xfId="0" applyFont="1" applyFill="1" applyBorder="1" applyAlignment="1">
      <alignment horizontal="left" vertical="top" wrapText="1"/>
    </xf>
    <xf numFmtId="0" fontId="4" fillId="0" borderId="70" xfId="0" applyFont="1" applyFill="1" applyBorder="1" applyAlignment="1">
      <alignment horizontal="left" vertical="top" wrapText="1"/>
    </xf>
    <xf numFmtId="0" fontId="2" fillId="0" borderId="57" xfId="0" applyNumberFormat="1" applyFont="1" applyBorder="1" applyAlignment="1">
      <alignment horizontal="left" vertical="center" wrapText="1"/>
    </xf>
    <xf numFmtId="0" fontId="2" fillId="0" borderId="62" xfId="0" applyNumberFormat="1" applyFont="1" applyBorder="1" applyAlignment="1">
      <alignment horizontal="left" vertical="center" wrapText="1"/>
    </xf>
    <xf numFmtId="0" fontId="2" fillId="0" borderId="50" xfId="0" applyNumberFormat="1" applyFont="1" applyBorder="1" applyAlignment="1">
      <alignment horizontal="left" vertical="center" wrapText="1"/>
    </xf>
    <xf numFmtId="0" fontId="2" fillId="0" borderId="63" xfId="0" applyNumberFormat="1" applyFont="1" applyBorder="1" applyAlignment="1">
      <alignment horizontal="left" vertical="center" wrapText="1"/>
    </xf>
    <xf numFmtId="0" fontId="2" fillId="0" borderId="5" xfId="0" applyFont="1" applyFill="1" applyBorder="1" applyAlignment="1">
      <alignment horizontal="center" vertical="center" wrapText="1"/>
    </xf>
    <xf numFmtId="0" fontId="2" fillId="0" borderId="36" xfId="0" applyFont="1" applyFill="1" applyBorder="1" applyAlignment="1">
      <alignment horizontal="center" vertical="center" wrapText="1"/>
    </xf>
    <xf numFmtId="0" fontId="2" fillId="0" borderId="0" xfId="0" applyFont="1" applyFill="1" applyBorder="1" applyAlignment="1">
      <alignment horizontal="center" vertical="center" wrapText="1"/>
    </xf>
    <xf numFmtId="0" fontId="2" fillId="0" borderId="24" xfId="0" applyNumberFormat="1" applyFont="1" applyBorder="1" applyAlignment="1">
      <alignment horizontal="left" vertical="center" wrapText="1"/>
    </xf>
    <xf numFmtId="0" fontId="2" fillId="0" borderId="25" xfId="0" applyNumberFormat="1" applyFont="1" applyBorder="1" applyAlignment="1">
      <alignment horizontal="left" vertical="center" wrapText="1"/>
    </xf>
    <xf numFmtId="0" fontId="2" fillId="0" borderId="34" xfId="0" applyNumberFormat="1" applyFont="1" applyBorder="1" applyAlignment="1">
      <alignment horizontal="left" vertical="center" wrapText="1"/>
    </xf>
    <xf numFmtId="0" fontId="2" fillId="0" borderId="58" xfId="0" applyNumberFormat="1" applyFont="1" applyBorder="1" applyAlignment="1">
      <alignment horizontal="left" vertical="center" wrapText="1"/>
    </xf>
    <xf numFmtId="0" fontId="2" fillId="0" borderId="41" xfId="0" applyNumberFormat="1" applyFont="1" applyBorder="1" applyAlignment="1">
      <alignment horizontal="left" vertical="center" wrapText="1"/>
    </xf>
    <xf numFmtId="0" fontId="2" fillId="0" borderId="59" xfId="0" applyNumberFormat="1" applyFont="1" applyBorder="1" applyAlignment="1">
      <alignment horizontal="left" vertical="center" wrapText="1"/>
    </xf>
    <xf numFmtId="0" fontId="2" fillId="0" borderId="35" xfId="0" applyNumberFormat="1" applyFont="1" applyBorder="1" applyAlignment="1">
      <alignment horizontal="left" vertical="center" wrapText="1"/>
    </xf>
    <xf numFmtId="0" fontId="2" fillId="0" borderId="60" xfId="0" applyNumberFormat="1" applyFont="1" applyBorder="1" applyAlignment="1">
      <alignment horizontal="left" vertical="center" wrapText="1"/>
    </xf>
    <xf numFmtId="0" fontId="2" fillId="0" borderId="50" xfId="0" applyNumberFormat="1" applyFont="1" applyBorder="1" applyAlignment="1">
      <alignment horizontal="center" vertical="center" wrapText="1"/>
    </xf>
    <xf numFmtId="0" fontId="4" fillId="0" borderId="27" xfId="0" applyFont="1" applyFill="1" applyBorder="1" applyAlignment="1">
      <alignment horizontal="left" vertical="top" wrapText="1"/>
    </xf>
    <xf numFmtId="0" fontId="4" fillId="0" borderId="33" xfId="0" applyFont="1" applyFill="1" applyBorder="1" applyAlignment="1">
      <alignment horizontal="left" vertical="top" wrapText="1"/>
    </xf>
    <xf numFmtId="0" fontId="2" fillId="0" borderId="45" xfId="0" applyNumberFormat="1" applyFont="1" applyBorder="1" applyAlignment="1">
      <alignment horizontal="left" vertical="center" wrapText="1"/>
    </xf>
    <xf numFmtId="0" fontId="2" fillId="0" borderId="44" xfId="0" applyNumberFormat="1" applyFont="1" applyBorder="1" applyAlignment="1">
      <alignment horizontal="left" vertical="center" wrapText="1"/>
    </xf>
    <xf numFmtId="0" fontId="2" fillId="0" borderId="0" xfId="0" applyFont="1" applyFill="1" applyBorder="1" applyAlignment="1">
      <alignment horizontal="center" vertical="top" wrapText="1"/>
    </xf>
    <xf numFmtId="0" fontId="2" fillId="3" borderId="72" xfId="0" applyFont="1" applyFill="1" applyBorder="1" applyAlignment="1">
      <alignment horizontal="left" vertical="top" wrapText="1"/>
    </xf>
    <xf numFmtId="0" fontId="2" fillId="0" borderId="72" xfId="0" applyFont="1" applyFill="1" applyBorder="1" applyAlignment="1">
      <alignment horizontal="center"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558">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3</xdr:row>
          <xdr:rowOff>0</xdr:rowOff>
        </xdr:from>
        <xdr:to>
          <xdr:col>0</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4</xdr:row>
          <xdr:rowOff>9525</xdr:rowOff>
        </xdr:from>
        <xdr:to>
          <xdr:col>0</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0</xdr:row>
          <xdr:rowOff>9525</xdr:rowOff>
        </xdr:from>
        <xdr:to>
          <xdr:col>0</xdr:col>
          <xdr:colOff>885825</xdr:colOff>
          <xdr:row>3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1</xdr:row>
          <xdr:rowOff>0</xdr:rowOff>
        </xdr:from>
        <xdr:to>
          <xdr:col>0</xdr:col>
          <xdr:colOff>885825</xdr:colOff>
          <xdr:row>3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I1316"/>
  <sheetViews>
    <sheetView showGridLines="0" tabSelected="1" zoomScaleNormal="100" workbookViewId="0">
      <selection sqref="A1:H1"/>
    </sheetView>
  </sheetViews>
  <sheetFormatPr defaultRowHeight="12.75" x14ac:dyDescent="0.2"/>
  <cols>
    <col min="1" max="1" width="14.7109375" style="1" customWidth="1"/>
    <col min="2" max="2" width="70.42578125" style="1" customWidth="1"/>
    <col min="3" max="3" width="22.85546875" style="1" customWidth="1"/>
    <col min="4" max="4" width="0.85546875" style="1" customWidth="1"/>
    <col min="5" max="5" width="16.42578125" style="8" customWidth="1"/>
    <col min="6" max="6" width="20.85546875" style="8" customWidth="1"/>
    <col min="7" max="7" width="13.7109375" style="8" customWidth="1"/>
    <col min="8" max="8" width="30.7109375" style="2" customWidth="1"/>
    <col min="9" max="9" width="17.140625" style="1" customWidth="1"/>
    <col min="10" max="10" width="9.140625" style="1"/>
    <col min="11" max="11" width="9.140625" style="1" customWidth="1"/>
    <col min="12" max="16384" width="9.140625" style="1"/>
  </cols>
  <sheetData>
    <row r="1" spans="1:8" ht="24" customHeight="1" x14ac:dyDescent="0.2">
      <c r="A1" s="121" t="s">
        <v>39</v>
      </c>
      <c r="B1" s="121"/>
      <c r="C1" s="121"/>
      <c r="D1" s="121"/>
      <c r="E1" s="121"/>
      <c r="F1" s="121"/>
      <c r="G1" s="121"/>
      <c r="H1" s="121"/>
    </row>
    <row r="2" spans="1:8" ht="27.75" customHeight="1" x14ac:dyDescent="0.2">
      <c r="A2" s="113" t="s">
        <v>38</v>
      </c>
      <c r="B2" s="113"/>
      <c r="C2" s="113"/>
      <c r="D2" s="113"/>
      <c r="E2" s="113"/>
      <c r="F2" s="113"/>
      <c r="G2" s="113"/>
      <c r="H2" s="113"/>
    </row>
    <row r="3" spans="1:8" ht="54.75" customHeight="1" x14ac:dyDescent="0.2">
      <c r="A3" s="124" t="s">
        <v>43</v>
      </c>
      <c r="B3" s="124"/>
      <c r="C3" s="124"/>
      <c r="D3" s="124"/>
      <c r="E3" s="124"/>
      <c r="F3" s="124"/>
      <c r="G3" s="124"/>
      <c r="H3" s="124"/>
    </row>
    <row r="4" spans="1:8" ht="24.95" customHeight="1" x14ac:dyDescent="0.2">
      <c r="A4" s="39" t="s">
        <v>42</v>
      </c>
      <c r="B4" s="40"/>
      <c r="C4" s="36"/>
      <c r="D4" s="36"/>
      <c r="E4" s="36"/>
      <c r="F4" s="36"/>
      <c r="G4" s="36"/>
      <c r="H4" s="36"/>
    </row>
    <row r="5" spans="1:8" ht="24.95" customHeight="1" x14ac:dyDescent="0.2">
      <c r="A5" s="39" t="s">
        <v>40</v>
      </c>
      <c r="B5" s="41"/>
      <c r="C5" s="36"/>
      <c r="D5" s="36"/>
      <c r="E5" s="36"/>
      <c r="F5" s="36"/>
      <c r="G5" s="36"/>
      <c r="H5" s="36"/>
    </row>
    <row r="6" spans="1:8" ht="5.0999999999999996" customHeight="1" x14ac:dyDescent="0.2">
      <c r="A6" s="36"/>
      <c r="B6" s="36"/>
      <c r="C6" s="36"/>
      <c r="D6" s="36"/>
      <c r="E6" s="36"/>
      <c r="F6" s="36"/>
      <c r="G6" s="36"/>
      <c r="H6" s="36"/>
    </row>
    <row r="7" spans="1:8" s="2" customFormat="1" ht="20.100000000000001" customHeight="1" x14ac:dyDescent="0.25">
      <c r="A7" s="118" t="s">
        <v>1085</v>
      </c>
      <c r="B7" s="118"/>
      <c r="C7" s="118"/>
      <c r="D7" s="118"/>
      <c r="E7" s="118"/>
      <c r="F7" s="118"/>
      <c r="G7" s="118"/>
      <c r="H7" s="118"/>
    </row>
    <row r="8" spans="1:8" s="2" customFormat="1" ht="20.100000000000001" customHeight="1" x14ac:dyDescent="0.25">
      <c r="A8" s="114" t="s">
        <v>7</v>
      </c>
      <c r="B8" s="114"/>
      <c r="C8" s="114"/>
      <c r="D8" s="114"/>
      <c r="E8" s="114"/>
      <c r="F8" s="114"/>
      <c r="G8" s="114"/>
      <c r="H8" s="114"/>
    </row>
    <row r="9" spans="1:8" ht="24.95" customHeight="1" x14ac:dyDescent="0.2">
      <c r="A9" s="115" t="s">
        <v>67</v>
      </c>
      <c r="B9" s="115"/>
      <c r="C9" s="115"/>
      <c r="D9" s="115"/>
      <c r="E9" s="115"/>
      <c r="F9" s="115"/>
      <c r="G9" s="115"/>
      <c r="H9" s="115"/>
    </row>
    <row r="10" spans="1:8" ht="4.5" customHeight="1" x14ac:dyDescent="0.2">
      <c r="A10" s="38"/>
      <c r="B10" s="38"/>
      <c r="C10" s="55"/>
      <c r="D10" s="55"/>
      <c r="E10" s="38"/>
      <c r="F10" s="55"/>
      <c r="G10" s="38"/>
      <c r="H10" s="38"/>
    </row>
    <row r="11" spans="1:8" s="2" customFormat="1" ht="20.100000000000001" customHeight="1" x14ac:dyDescent="0.25">
      <c r="A11" s="116" t="s">
        <v>8</v>
      </c>
      <c r="B11" s="116"/>
      <c r="C11" s="116"/>
      <c r="D11" s="116"/>
      <c r="E11" s="116"/>
      <c r="F11" s="116"/>
      <c r="G11" s="116"/>
      <c r="H11" s="116"/>
    </row>
    <row r="12" spans="1:8" s="2" customFormat="1" ht="20.100000000000001" customHeight="1" x14ac:dyDescent="0.25">
      <c r="A12" s="117" t="s">
        <v>68</v>
      </c>
      <c r="B12" s="117"/>
      <c r="C12" s="117"/>
      <c r="D12" s="117"/>
      <c r="E12" s="117"/>
      <c r="F12" s="54"/>
      <c r="G12" s="45"/>
      <c r="H12" s="45"/>
    </row>
    <row r="13" spans="1:8" s="3" customFormat="1" ht="20.100000000000001" customHeight="1" x14ac:dyDescent="0.25">
      <c r="A13" s="117" t="s">
        <v>21</v>
      </c>
      <c r="B13" s="117"/>
      <c r="C13" s="117"/>
      <c r="D13" s="117"/>
      <c r="E13" s="117"/>
      <c r="F13" s="54"/>
      <c r="G13" s="17"/>
      <c r="H13" s="18"/>
    </row>
    <row r="14" spans="1:8" ht="4.5" customHeight="1" x14ac:dyDescent="0.2">
      <c r="A14" s="38"/>
      <c r="B14" s="38"/>
      <c r="C14" s="55"/>
      <c r="D14" s="55"/>
      <c r="E14" s="38"/>
      <c r="F14" s="55"/>
      <c r="G14" s="38"/>
      <c r="H14" s="38"/>
    </row>
    <row r="15" spans="1:8" ht="20.100000000000001" customHeight="1" x14ac:dyDescent="0.2">
      <c r="A15" s="37" t="s">
        <v>9</v>
      </c>
      <c r="B15" s="19"/>
      <c r="C15" s="19"/>
      <c r="D15" s="19"/>
      <c r="E15" s="19"/>
      <c r="F15" s="19"/>
      <c r="G15" s="20"/>
      <c r="H15" s="20"/>
    </row>
    <row r="16" spans="1:8" s="3" customFormat="1" ht="24.95" customHeight="1" x14ac:dyDescent="0.25">
      <c r="A16" s="119" t="s">
        <v>1088</v>
      </c>
      <c r="B16" s="119"/>
      <c r="C16" s="119"/>
      <c r="D16" s="119"/>
      <c r="E16" s="119"/>
      <c r="F16" s="52"/>
      <c r="G16" s="17"/>
      <c r="H16" s="18"/>
    </row>
    <row r="17" spans="1:8" ht="5.0999999999999996" customHeight="1" x14ac:dyDescent="0.2">
      <c r="A17" s="120"/>
      <c r="B17" s="120"/>
      <c r="C17" s="120"/>
      <c r="D17" s="120"/>
      <c r="E17" s="120"/>
      <c r="F17" s="53"/>
      <c r="H17" s="15"/>
    </row>
    <row r="18" spans="1:8" s="2" customFormat="1" ht="20.100000000000001" customHeight="1" x14ac:dyDescent="0.25">
      <c r="A18" s="118" t="s">
        <v>19</v>
      </c>
      <c r="B18" s="118"/>
      <c r="C18" s="118"/>
      <c r="D18" s="118"/>
      <c r="E18" s="118"/>
      <c r="F18" s="118"/>
      <c r="G18" s="118"/>
      <c r="H18" s="118"/>
    </row>
    <row r="19" spans="1:8" ht="20.100000000000001" customHeight="1" x14ac:dyDescent="0.2">
      <c r="A19" s="117" t="s">
        <v>69</v>
      </c>
      <c r="B19" s="117"/>
      <c r="C19" s="117"/>
      <c r="D19" s="117"/>
      <c r="E19" s="117"/>
      <c r="F19" s="117"/>
      <c r="G19" s="117"/>
      <c r="H19" s="117"/>
    </row>
    <row r="20" spans="1:8" ht="5.0999999999999996" customHeight="1" x14ac:dyDescent="0.2">
      <c r="A20" s="120"/>
      <c r="B20" s="120"/>
      <c r="C20" s="120"/>
      <c r="D20" s="120"/>
      <c r="E20" s="120"/>
      <c r="F20" s="53"/>
      <c r="H20" s="15"/>
    </row>
    <row r="21" spans="1:8" s="2" customFormat="1" ht="20.100000000000001" customHeight="1" x14ac:dyDescent="0.25">
      <c r="A21" s="118" t="s">
        <v>20</v>
      </c>
      <c r="B21" s="118"/>
      <c r="C21" s="118"/>
      <c r="D21" s="118"/>
      <c r="E21" s="118"/>
      <c r="F21" s="118"/>
      <c r="G21" s="118"/>
      <c r="H21" s="118"/>
    </row>
    <row r="22" spans="1:8" s="9" customFormat="1" ht="20.100000000000001" customHeight="1" x14ac:dyDescent="0.25">
      <c r="A22" s="130" t="s">
        <v>4</v>
      </c>
      <c r="B22" s="130"/>
      <c r="C22" s="130"/>
      <c r="D22" s="130"/>
      <c r="E22" s="130"/>
      <c r="F22" s="130"/>
      <c r="G22" s="130"/>
      <c r="H22" s="130"/>
    </row>
    <row r="23" spans="1:8" s="9" customFormat="1" ht="20.100000000000001" customHeight="1" x14ac:dyDescent="0.25">
      <c r="A23" s="122" t="s">
        <v>13</v>
      </c>
      <c r="B23" s="123"/>
      <c r="C23" s="51"/>
      <c r="D23" s="51"/>
      <c r="E23" s="14"/>
      <c r="F23" s="56"/>
      <c r="G23" s="14"/>
      <c r="H23" s="14"/>
    </row>
    <row r="24" spans="1:8" s="9" customFormat="1" ht="20.100000000000001" customHeight="1" x14ac:dyDescent="0.25">
      <c r="A24" s="13"/>
      <c r="B24" s="13" t="s">
        <v>17</v>
      </c>
      <c r="C24" s="13"/>
      <c r="D24" s="13"/>
      <c r="E24" s="14"/>
      <c r="F24" s="56"/>
      <c r="G24" s="14"/>
      <c r="H24" s="14"/>
    </row>
    <row r="25" spans="1:8" s="9" customFormat="1" ht="20.100000000000001" customHeight="1" x14ac:dyDescent="0.25">
      <c r="A25" s="13"/>
      <c r="B25" s="13" t="s">
        <v>18</v>
      </c>
      <c r="C25" s="13"/>
      <c r="D25" s="13"/>
      <c r="E25" s="14"/>
      <c r="F25" s="56"/>
      <c r="G25" s="14"/>
      <c r="H25" s="14"/>
    </row>
    <row r="26" spans="1:8" s="9" customFormat="1" ht="20.100000000000001" customHeight="1" x14ac:dyDescent="0.25">
      <c r="A26" s="122" t="s">
        <v>14</v>
      </c>
      <c r="B26" s="123"/>
      <c r="C26" s="51"/>
      <c r="D26" s="51"/>
      <c r="E26" s="14"/>
      <c r="F26" s="56"/>
      <c r="G26" s="14"/>
      <c r="H26" s="14"/>
    </row>
    <row r="27" spans="1:8" s="9" customFormat="1" ht="31.5" customHeight="1" x14ac:dyDescent="0.25">
      <c r="A27" s="16" t="s">
        <v>15</v>
      </c>
      <c r="B27" s="133" t="s">
        <v>10</v>
      </c>
      <c r="C27" s="134"/>
      <c r="D27" s="134"/>
      <c r="E27" s="134"/>
      <c r="F27" s="193"/>
      <c r="G27" s="192"/>
      <c r="H27" s="178"/>
    </row>
    <row r="28" spans="1:8" s="9" customFormat="1" ht="31.5" customHeight="1" x14ac:dyDescent="0.25">
      <c r="A28" s="176" t="s">
        <v>1100</v>
      </c>
      <c r="B28" s="177"/>
      <c r="C28" s="177"/>
      <c r="D28" s="177"/>
      <c r="E28" s="177"/>
      <c r="F28" s="194"/>
      <c r="G28" s="93"/>
      <c r="H28" s="178"/>
    </row>
    <row r="29" spans="1:8" s="9" customFormat="1" ht="4.5" customHeight="1" x14ac:dyDescent="0.25">
      <c r="A29" s="14"/>
      <c r="B29" s="14"/>
      <c r="C29" s="56"/>
      <c r="D29" s="56"/>
      <c r="E29" s="14"/>
      <c r="F29" s="56"/>
      <c r="G29" s="14"/>
      <c r="H29" s="14"/>
    </row>
    <row r="30" spans="1:8" s="9" customFormat="1" ht="20.100000000000001" customHeight="1" x14ac:dyDescent="0.25">
      <c r="A30" s="122" t="s">
        <v>16</v>
      </c>
      <c r="B30" s="123"/>
      <c r="C30" s="51"/>
      <c r="D30" s="51"/>
      <c r="E30" s="14"/>
      <c r="F30" s="56"/>
      <c r="G30" s="14"/>
      <c r="H30" s="14"/>
    </row>
    <row r="31" spans="1:8" s="9" customFormat="1" ht="20.100000000000001" customHeight="1" x14ac:dyDescent="0.2">
      <c r="A31" s="10"/>
      <c r="B31" s="9" t="s">
        <v>2</v>
      </c>
      <c r="E31" s="14"/>
      <c r="F31" s="56"/>
      <c r="G31" s="14"/>
      <c r="H31" s="14"/>
    </row>
    <row r="32" spans="1:8" s="9" customFormat="1" ht="20.100000000000001" customHeight="1" x14ac:dyDescent="0.25">
      <c r="A32" s="13"/>
      <c r="B32" s="2" t="s">
        <v>3</v>
      </c>
      <c r="C32" s="2"/>
      <c r="D32" s="2"/>
      <c r="E32" s="14"/>
      <c r="F32" s="56"/>
      <c r="G32" s="14"/>
      <c r="H32" s="14"/>
    </row>
    <row r="33" spans="1:9" ht="5.0999999999999996" customHeight="1" x14ac:dyDescent="0.2"/>
    <row r="34" spans="1:9" s="2" customFormat="1" ht="20.100000000000001" customHeight="1" x14ac:dyDescent="0.25">
      <c r="A34" s="118" t="s">
        <v>1084</v>
      </c>
      <c r="B34" s="118"/>
      <c r="C34" s="118"/>
      <c r="D34" s="118"/>
      <c r="E34" s="118"/>
      <c r="F34" s="118"/>
      <c r="G34" s="118"/>
      <c r="H34" s="118"/>
    </row>
    <row r="35" spans="1:9" s="2" customFormat="1" ht="5.0999999999999996" customHeight="1" thickBot="1" x14ac:dyDescent="0.3">
      <c r="A35" s="15"/>
      <c r="E35" s="6"/>
      <c r="F35" s="50"/>
      <c r="G35" s="6"/>
      <c r="H35" s="6"/>
    </row>
    <row r="36" spans="1:9" s="3" customFormat="1" ht="93" customHeight="1" x14ac:dyDescent="0.25">
      <c r="A36" s="131" t="s">
        <v>750</v>
      </c>
      <c r="B36" s="57" t="s">
        <v>0</v>
      </c>
      <c r="C36" s="58" t="s">
        <v>749</v>
      </c>
      <c r="D36" s="59"/>
      <c r="E36" s="125" t="s">
        <v>22</v>
      </c>
      <c r="F36" s="126"/>
      <c r="G36" s="126"/>
      <c r="H36" s="127"/>
      <c r="I36" s="21"/>
    </row>
    <row r="37" spans="1:9" s="3" customFormat="1" ht="57" customHeight="1" thickBot="1" x14ac:dyDescent="0.3">
      <c r="A37" s="132"/>
      <c r="B37" s="145" t="s">
        <v>751</v>
      </c>
      <c r="C37" s="145"/>
      <c r="D37" s="60"/>
      <c r="E37" s="22" t="s">
        <v>23</v>
      </c>
      <c r="F37" s="64" t="s">
        <v>752</v>
      </c>
      <c r="G37" s="128" t="s">
        <v>24</v>
      </c>
      <c r="H37" s="129"/>
    </row>
    <row r="38" spans="1:9" s="23" customFormat="1" ht="24.95" customHeight="1" x14ac:dyDescent="0.25">
      <c r="A38" s="48" t="s">
        <v>1</v>
      </c>
      <c r="B38" s="135" t="s">
        <v>236</v>
      </c>
      <c r="C38" s="136"/>
      <c r="D38" s="136"/>
      <c r="E38" s="136"/>
      <c r="F38" s="136"/>
      <c r="G38" s="136"/>
      <c r="H38" s="137"/>
    </row>
    <row r="39" spans="1:9" s="4" customFormat="1" ht="24.95" customHeight="1" x14ac:dyDescent="0.25">
      <c r="A39" s="44" t="s">
        <v>11</v>
      </c>
      <c r="B39" s="42" t="s">
        <v>402</v>
      </c>
      <c r="C39" s="103" t="s">
        <v>753</v>
      </c>
      <c r="D39" s="61"/>
      <c r="E39" s="46"/>
      <c r="F39" s="106"/>
      <c r="G39" s="109"/>
      <c r="H39" s="110"/>
    </row>
    <row r="40" spans="1:9" s="4" customFormat="1" ht="24.95" customHeight="1" x14ac:dyDescent="0.25">
      <c r="A40" s="44" t="s">
        <v>44</v>
      </c>
      <c r="B40" s="42" t="s">
        <v>403</v>
      </c>
      <c r="C40" s="104"/>
      <c r="D40" s="62"/>
      <c r="E40" s="46"/>
      <c r="F40" s="107"/>
      <c r="G40" s="109"/>
      <c r="H40" s="110"/>
    </row>
    <row r="41" spans="1:9" s="4" customFormat="1" ht="24.95" customHeight="1" x14ac:dyDescent="0.25">
      <c r="A41" s="44" t="s">
        <v>45</v>
      </c>
      <c r="B41" s="42" t="s">
        <v>404</v>
      </c>
      <c r="C41" s="104"/>
      <c r="D41" s="62"/>
      <c r="E41" s="46"/>
      <c r="F41" s="107"/>
      <c r="G41" s="109"/>
      <c r="H41" s="110"/>
    </row>
    <row r="42" spans="1:9" s="4" customFormat="1" ht="24.95" customHeight="1" x14ac:dyDescent="0.25">
      <c r="A42" s="44" t="s">
        <v>46</v>
      </c>
      <c r="B42" s="42" t="s">
        <v>405</v>
      </c>
      <c r="C42" s="104"/>
      <c r="D42" s="62"/>
      <c r="E42" s="46"/>
      <c r="F42" s="107"/>
      <c r="G42" s="109"/>
      <c r="H42" s="110"/>
    </row>
    <row r="43" spans="1:9" s="4" customFormat="1" ht="24.75" customHeight="1" x14ac:dyDescent="0.25">
      <c r="A43" s="44" t="s">
        <v>47</v>
      </c>
      <c r="B43" s="42" t="s">
        <v>406</v>
      </c>
      <c r="C43" s="112"/>
      <c r="D43" s="63"/>
      <c r="E43" s="46"/>
      <c r="F43" s="111"/>
      <c r="G43" s="109"/>
      <c r="H43" s="110"/>
    </row>
    <row r="44" spans="1:9" s="23" customFormat="1" ht="24.95" customHeight="1" x14ac:dyDescent="0.25">
      <c r="A44" s="49" t="s">
        <v>70</v>
      </c>
      <c r="B44" s="100" t="s">
        <v>237</v>
      </c>
      <c r="C44" s="101"/>
      <c r="D44" s="101"/>
      <c r="E44" s="101"/>
      <c r="F44" s="101"/>
      <c r="G44" s="101"/>
      <c r="H44" s="102"/>
    </row>
    <row r="45" spans="1:9" s="4" customFormat="1" ht="24.95" customHeight="1" x14ac:dyDescent="0.25">
      <c r="A45" s="44" t="s">
        <v>11</v>
      </c>
      <c r="B45" s="42" t="s">
        <v>407</v>
      </c>
      <c r="C45" s="103" t="s">
        <v>753</v>
      </c>
      <c r="D45" s="61"/>
      <c r="E45" s="46"/>
      <c r="F45" s="106"/>
      <c r="G45" s="109"/>
      <c r="H45" s="110"/>
    </row>
    <row r="46" spans="1:9" s="4" customFormat="1" ht="24.95" customHeight="1" x14ac:dyDescent="0.25">
      <c r="A46" s="44" t="s">
        <v>44</v>
      </c>
      <c r="B46" s="42" t="s">
        <v>408</v>
      </c>
      <c r="C46" s="104"/>
      <c r="D46" s="62"/>
      <c r="E46" s="46"/>
      <c r="F46" s="107"/>
      <c r="G46" s="109"/>
      <c r="H46" s="110"/>
    </row>
    <row r="47" spans="1:9" s="4" customFormat="1" ht="24.95" customHeight="1" x14ac:dyDescent="0.25">
      <c r="A47" s="44" t="s">
        <v>45</v>
      </c>
      <c r="B47" s="42" t="s">
        <v>403</v>
      </c>
      <c r="C47" s="104"/>
      <c r="D47" s="62"/>
      <c r="E47" s="46"/>
      <c r="F47" s="107"/>
      <c r="G47" s="109"/>
      <c r="H47" s="110"/>
    </row>
    <row r="48" spans="1:9" s="4" customFormat="1" ht="24.95" customHeight="1" x14ac:dyDescent="0.25">
      <c r="A48" s="44" t="s">
        <v>46</v>
      </c>
      <c r="B48" s="42" t="s">
        <v>409</v>
      </c>
      <c r="C48" s="104"/>
      <c r="D48" s="62"/>
      <c r="E48" s="46"/>
      <c r="F48" s="107"/>
      <c r="G48" s="109"/>
      <c r="H48" s="110"/>
    </row>
    <row r="49" spans="1:8" s="4" customFormat="1" ht="24.95" customHeight="1" x14ac:dyDescent="0.25">
      <c r="A49" s="44" t="s">
        <v>47</v>
      </c>
      <c r="B49" s="42" t="s">
        <v>410</v>
      </c>
      <c r="C49" s="104"/>
      <c r="D49" s="62"/>
      <c r="E49" s="46"/>
      <c r="F49" s="107"/>
      <c r="G49" s="109"/>
      <c r="H49" s="110"/>
    </row>
    <row r="50" spans="1:8" s="4" customFormat="1" ht="24.95" customHeight="1" x14ac:dyDescent="0.25">
      <c r="A50" s="44" t="s">
        <v>48</v>
      </c>
      <c r="B50" s="42" t="s">
        <v>411</v>
      </c>
      <c r="C50" s="112"/>
      <c r="D50" s="63"/>
      <c r="E50" s="46"/>
      <c r="F50" s="111"/>
      <c r="G50" s="109"/>
      <c r="H50" s="110"/>
    </row>
    <row r="51" spans="1:8" s="23" customFormat="1" ht="24.95" customHeight="1" x14ac:dyDescent="0.25">
      <c r="A51" s="49" t="s">
        <v>71</v>
      </c>
      <c r="B51" s="100" t="s">
        <v>238</v>
      </c>
      <c r="C51" s="101"/>
      <c r="D51" s="101"/>
      <c r="E51" s="101"/>
      <c r="F51" s="101"/>
      <c r="G51" s="101"/>
      <c r="H51" s="102"/>
    </row>
    <row r="52" spans="1:8" s="4" customFormat="1" ht="24.95" customHeight="1" x14ac:dyDescent="0.25">
      <c r="A52" s="44" t="s">
        <v>11</v>
      </c>
      <c r="B52" s="42" t="s">
        <v>412</v>
      </c>
      <c r="C52" s="103" t="s">
        <v>753</v>
      </c>
      <c r="D52" s="103"/>
      <c r="E52" s="46"/>
      <c r="F52" s="106"/>
      <c r="G52" s="109"/>
      <c r="H52" s="110"/>
    </row>
    <row r="53" spans="1:8" s="4" customFormat="1" ht="24.95" customHeight="1" x14ac:dyDescent="0.25">
      <c r="A53" s="44" t="s">
        <v>44</v>
      </c>
      <c r="B53" s="42" t="s">
        <v>413</v>
      </c>
      <c r="C53" s="104"/>
      <c r="D53" s="104"/>
      <c r="E53" s="46"/>
      <c r="F53" s="107"/>
      <c r="G53" s="109"/>
      <c r="H53" s="110"/>
    </row>
    <row r="54" spans="1:8" s="4" customFormat="1" ht="24.95" customHeight="1" x14ac:dyDescent="0.25">
      <c r="A54" s="44" t="s">
        <v>45</v>
      </c>
      <c r="B54" s="42" t="s">
        <v>414</v>
      </c>
      <c r="C54" s="104"/>
      <c r="D54" s="104"/>
      <c r="E54" s="46"/>
      <c r="F54" s="107"/>
      <c r="G54" s="109"/>
      <c r="H54" s="110"/>
    </row>
    <row r="55" spans="1:8" s="4" customFormat="1" ht="24.95" customHeight="1" x14ac:dyDescent="0.25">
      <c r="A55" s="44" t="s">
        <v>46</v>
      </c>
      <c r="B55" s="42" t="s">
        <v>415</v>
      </c>
      <c r="C55" s="104"/>
      <c r="D55" s="104"/>
      <c r="E55" s="46"/>
      <c r="F55" s="107"/>
      <c r="G55" s="109"/>
      <c r="H55" s="110"/>
    </row>
    <row r="56" spans="1:8" s="4" customFormat="1" ht="24.95" customHeight="1" x14ac:dyDescent="0.25">
      <c r="A56" s="44" t="s">
        <v>47</v>
      </c>
      <c r="B56" s="42" t="s">
        <v>416</v>
      </c>
      <c r="C56" s="104"/>
      <c r="D56" s="104"/>
      <c r="E56" s="46"/>
      <c r="F56" s="107"/>
      <c r="G56" s="109"/>
      <c r="H56" s="110"/>
    </row>
    <row r="57" spans="1:8" s="4" customFormat="1" ht="24.95" customHeight="1" x14ac:dyDescent="0.25">
      <c r="A57" s="44" t="s">
        <v>48</v>
      </c>
      <c r="B57" s="42" t="s">
        <v>406</v>
      </c>
      <c r="C57" s="112"/>
      <c r="D57" s="112"/>
      <c r="E57" s="46"/>
      <c r="F57" s="111"/>
      <c r="G57" s="109"/>
      <c r="H57" s="110"/>
    </row>
    <row r="58" spans="1:8" s="23" customFormat="1" ht="24.95" customHeight="1" x14ac:dyDescent="0.25">
      <c r="A58" s="49" t="s">
        <v>72</v>
      </c>
      <c r="B58" s="100" t="s">
        <v>239</v>
      </c>
      <c r="C58" s="101"/>
      <c r="D58" s="101"/>
      <c r="E58" s="101"/>
      <c r="F58" s="101"/>
      <c r="G58" s="101"/>
      <c r="H58" s="102"/>
    </row>
    <row r="59" spans="1:8" s="4" customFormat="1" ht="24.95" customHeight="1" x14ac:dyDescent="0.25">
      <c r="A59" s="44" t="s">
        <v>11</v>
      </c>
      <c r="B59" s="42" t="s">
        <v>417</v>
      </c>
      <c r="C59" s="103" t="s">
        <v>753</v>
      </c>
      <c r="D59" s="103"/>
      <c r="E59" s="46"/>
      <c r="F59" s="106"/>
      <c r="G59" s="109"/>
      <c r="H59" s="110"/>
    </row>
    <row r="60" spans="1:8" s="4" customFormat="1" ht="24.95" customHeight="1" x14ac:dyDescent="0.25">
      <c r="A60" s="44" t="s">
        <v>44</v>
      </c>
      <c r="B60" s="42" t="s">
        <v>418</v>
      </c>
      <c r="C60" s="104"/>
      <c r="D60" s="104"/>
      <c r="E60" s="46"/>
      <c r="F60" s="107"/>
      <c r="G60" s="109"/>
      <c r="H60" s="110"/>
    </row>
    <row r="61" spans="1:8" s="4" customFormat="1" ht="24.95" customHeight="1" x14ac:dyDescent="0.25">
      <c r="A61" s="44" t="s">
        <v>45</v>
      </c>
      <c r="B61" s="42" t="s">
        <v>410</v>
      </c>
      <c r="C61" s="104"/>
      <c r="D61" s="104"/>
      <c r="E61" s="46"/>
      <c r="F61" s="107"/>
      <c r="G61" s="109"/>
      <c r="H61" s="110"/>
    </row>
    <row r="62" spans="1:8" s="4" customFormat="1" ht="24.95" customHeight="1" x14ac:dyDescent="0.25">
      <c r="A62" s="44" t="s">
        <v>46</v>
      </c>
      <c r="B62" s="42" t="s">
        <v>419</v>
      </c>
      <c r="C62" s="112"/>
      <c r="D62" s="112"/>
      <c r="E62" s="46"/>
      <c r="F62" s="111"/>
      <c r="G62" s="109"/>
      <c r="H62" s="110"/>
    </row>
    <row r="63" spans="1:8" s="23" customFormat="1" ht="24.95" customHeight="1" x14ac:dyDescent="0.25">
      <c r="A63" s="49" t="s">
        <v>73</v>
      </c>
      <c r="B63" s="100" t="s">
        <v>240</v>
      </c>
      <c r="C63" s="101"/>
      <c r="D63" s="101"/>
      <c r="E63" s="101"/>
      <c r="F63" s="101"/>
      <c r="G63" s="101"/>
      <c r="H63" s="102"/>
    </row>
    <row r="64" spans="1:8" s="4" customFormat="1" ht="24.95" customHeight="1" x14ac:dyDescent="0.25">
      <c r="A64" s="44" t="s">
        <v>11</v>
      </c>
      <c r="B64" s="42" t="s">
        <v>402</v>
      </c>
      <c r="C64" s="103" t="s">
        <v>753</v>
      </c>
      <c r="D64" s="103"/>
      <c r="E64" s="46"/>
      <c r="F64" s="106"/>
      <c r="G64" s="109"/>
      <c r="H64" s="110"/>
    </row>
    <row r="65" spans="1:8" s="4" customFormat="1" ht="24.95" customHeight="1" x14ac:dyDescent="0.25">
      <c r="A65" s="44" t="s">
        <v>44</v>
      </c>
      <c r="B65" s="42" t="s">
        <v>413</v>
      </c>
      <c r="C65" s="104"/>
      <c r="D65" s="104"/>
      <c r="E65" s="46"/>
      <c r="F65" s="107"/>
      <c r="G65" s="109"/>
      <c r="H65" s="110"/>
    </row>
    <row r="66" spans="1:8" s="4" customFormat="1" ht="24.95" customHeight="1" x14ac:dyDescent="0.25">
      <c r="A66" s="44" t="s">
        <v>45</v>
      </c>
      <c r="B66" s="42" t="s">
        <v>414</v>
      </c>
      <c r="C66" s="104"/>
      <c r="D66" s="104"/>
      <c r="E66" s="46"/>
      <c r="F66" s="107"/>
      <c r="G66" s="109"/>
      <c r="H66" s="110"/>
    </row>
    <row r="67" spans="1:8" s="4" customFormat="1" ht="24.95" customHeight="1" x14ac:dyDescent="0.25">
      <c r="A67" s="44" t="s">
        <v>46</v>
      </c>
      <c r="B67" s="42" t="s">
        <v>415</v>
      </c>
      <c r="C67" s="104"/>
      <c r="D67" s="104"/>
      <c r="E67" s="46"/>
      <c r="F67" s="107"/>
      <c r="G67" s="109"/>
      <c r="H67" s="110"/>
    </row>
    <row r="68" spans="1:8" s="4" customFormat="1" ht="24.95" customHeight="1" x14ac:dyDescent="0.25">
      <c r="A68" s="44" t="s">
        <v>47</v>
      </c>
      <c r="B68" s="42" t="s">
        <v>416</v>
      </c>
      <c r="C68" s="104"/>
      <c r="D68" s="104"/>
      <c r="E68" s="46"/>
      <c r="F68" s="107"/>
      <c r="G68" s="109"/>
      <c r="H68" s="110"/>
    </row>
    <row r="69" spans="1:8" s="4" customFormat="1" ht="24.95" customHeight="1" x14ac:dyDescent="0.25">
      <c r="A69" s="44" t="s">
        <v>48</v>
      </c>
      <c r="B69" s="42" t="s">
        <v>406</v>
      </c>
      <c r="C69" s="112"/>
      <c r="D69" s="112"/>
      <c r="E69" s="46"/>
      <c r="F69" s="111"/>
      <c r="G69" s="109"/>
      <c r="H69" s="110"/>
    </row>
    <row r="70" spans="1:8" s="23" customFormat="1" ht="24.95" customHeight="1" x14ac:dyDescent="0.25">
      <c r="A70" s="49" t="s">
        <v>74</v>
      </c>
      <c r="B70" s="100" t="s">
        <v>241</v>
      </c>
      <c r="C70" s="101"/>
      <c r="D70" s="101"/>
      <c r="E70" s="101"/>
      <c r="F70" s="101"/>
      <c r="G70" s="101"/>
      <c r="H70" s="102"/>
    </row>
    <row r="71" spans="1:8" s="4" customFormat="1" ht="24.95" customHeight="1" x14ac:dyDescent="0.25">
      <c r="A71" s="44" t="s">
        <v>11</v>
      </c>
      <c r="B71" s="42" t="s">
        <v>420</v>
      </c>
      <c r="C71" s="103" t="s">
        <v>753</v>
      </c>
      <c r="D71" s="103"/>
      <c r="E71" s="46"/>
      <c r="F71" s="106"/>
      <c r="G71" s="109"/>
      <c r="H71" s="110"/>
    </row>
    <row r="72" spans="1:8" s="4" customFormat="1" ht="24.95" customHeight="1" x14ac:dyDescent="0.25">
      <c r="A72" s="44" t="s">
        <v>44</v>
      </c>
      <c r="B72" s="42" t="s">
        <v>418</v>
      </c>
      <c r="C72" s="104"/>
      <c r="D72" s="104"/>
      <c r="E72" s="46"/>
      <c r="F72" s="107"/>
      <c r="G72" s="109"/>
      <c r="H72" s="110"/>
    </row>
    <row r="73" spans="1:8" s="4" customFormat="1" ht="24.95" customHeight="1" x14ac:dyDescent="0.25">
      <c r="A73" s="44" t="s">
        <v>45</v>
      </c>
      <c r="B73" s="42" t="s">
        <v>410</v>
      </c>
      <c r="C73" s="104"/>
      <c r="D73" s="104"/>
      <c r="E73" s="46"/>
      <c r="F73" s="107"/>
      <c r="G73" s="109"/>
      <c r="H73" s="110"/>
    </row>
    <row r="74" spans="1:8" s="4" customFormat="1" ht="24.95" customHeight="1" x14ac:dyDescent="0.25">
      <c r="A74" s="44" t="s">
        <v>46</v>
      </c>
      <c r="B74" s="42" t="s">
        <v>419</v>
      </c>
      <c r="C74" s="112"/>
      <c r="D74" s="112"/>
      <c r="E74" s="46"/>
      <c r="F74" s="111"/>
      <c r="G74" s="109"/>
      <c r="H74" s="110"/>
    </row>
    <row r="75" spans="1:8" s="23" customFormat="1" ht="24.95" customHeight="1" x14ac:dyDescent="0.25">
      <c r="A75" s="49" t="s">
        <v>75</v>
      </c>
      <c r="B75" s="100" t="s">
        <v>242</v>
      </c>
      <c r="C75" s="101"/>
      <c r="D75" s="101"/>
      <c r="E75" s="101"/>
      <c r="F75" s="101"/>
      <c r="G75" s="101"/>
      <c r="H75" s="102"/>
    </row>
    <row r="76" spans="1:8" s="4" customFormat="1" ht="24.95" customHeight="1" x14ac:dyDescent="0.25">
      <c r="A76" s="44" t="s">
        <v>11</v>
      </c>
      <c r="B76" s="42" t="s">
        <v>412</v>
      </c>
      <c r="C76" s="103" t="s">
        <v>754</v>
      </c>
      <c r="D76" s="103"/>
      <c r="E76" s="46"/>
      <c r="F76" s="106"/>
      <c r="G76" s="109"/>
      <c r="H76" s="110"/>
    </row>
    <row r="77" spans="1:8" s="4" customFormat="1" ht="24.95" customHeight="1" x14ac:dyDescent="0.25">
      <c r="A77" s="44" t="s">
        <v>44</v>
      </c>
      <c r="B77" s="42" t="s">
        <v>421</v>
      </c>
      <c r="C77" s="104"/>
      <c r="D77" s="104"/>
      <c r="E77" s="46"/>
      <c r="F77" s="107"/>
      <c r="G77" s="109"/>
      <c r="H77" s="110"/>
    </row>
    <row r="78" spans="1:8" s="4" customFormat="1" ht="24.95" customHeight="1" x14ac:dyDescent="0.25">
      <c r="A78" s="44" t="s">
        <v>45</v>
      </c>
      <c r="B78" s="42" t="s">
        <v>422</v>
      </c>
      <c r="C78" s="104"/>
      <c r="D78" s="104"/>
      <c r="E78" s="46"/>
      <c r="F78" s="107"/>
      <c r="G78" s="109"/>
      <c r="H78" s="110"/>
    </row>
    <row r="79" spans="1:8" s="4" customFormat="1" ht="24.95" customHeight="1" x14ac:dyDescent="0.25">
      <c r="A79" s="44" t="s">
        <v>46</v>
      </c>
      <c r="B79" s="42" t="s">
        <v>423</v>
      </c>
      <c r="C79" s="104"/>
      <c r="D79" s="104"/>
      <c r="E79" s="46"/>
      <c r="F79" s="107"/>
      <c r="G79" s="109"/>
      <c r="H79" s="110"/>
    </row>
    <row r="80" spans="1:8" s="4" customFormat="1" ht="24.95" customHeight="1" x14ac:dyDescent="0.25">
      <c r="A80" s="44" t="s">
        <v>47</v>
      </c>
      <c r="B80" s="42" t="s">
        <v>424</v>
      </c>
      <c r="C80" s="104"/>
      <c r="D80" s="104"/>
      <c r="E80" s="46"/>
      <c r="F80" s="107"/>
      <c r="G80" s="109"/>
      <c r="H80" s="110"/>
    </row>
    <row r="81" spans="1:8" s="4" customFormat="1" ht="24.95" customHeight="1" x14ac:dyDescent="0.25">
      <c r="A81" s="44" t="s">
        <v>48</v>
      </c>
      <c r="B81" s="42" t="s">
        <v>425</v>
      </c>
      <c r="C81" s="104"/>
      <c r="D81" s="104"/>
      <c r="E81" s="46"/>
      <c r="F81" s="107"/>
      <c r="G81" s="109"/>
      <c r="H81" s="110"/>
    </row>
    <row r="82" spans="1:8" s="4" customFormat="1" ht="24.95" customHeight="1" x14ac:dyDescent="0.25">
      <c r="A82" s="44" t="s">
        <v>49</v>
      </c>
      <c r="B82" s="42" t="s">
        <v>426</v>
      </c>
      <c r="C82" s="104"/>
      <c r="D82" s="104"/>
      <c r="E82" s="46"/>
      <c r="F82" s="107"/>
      <c r="G82" s="109"/>
      <c r="H82" s="110"/>
    </row>
    <row r="83" spans="1:8" s="4" customFormat="1" ht="24.95" customHeight="1" x14ac:dyDescent="0.25">
      <c r="A83" s="44" t="s">
        <v>50</v>
      </c>
      <c r="B83" s="42" t="s">
        <v>406</v>
      </c>
      <c r="C83" s="104"/>
      <c r="D83" s="104"/>
      <c r="E83" s="46"/>
      <c r="F83" s="111"/>
      <c r="G83" s="109"/>
      <c r="H83" s="110"/>
    </row>
    <row r="84" spans="1:8" s="23" customFormat="1" ht="24.95" customHeight="1" x14ac:dyDescent="0.25">
      <c r="A84" s="49" t="s">
        <v>76</v>
      </c>
      <c r="B84" s="100" t="s">
        <v>243</v>
      </c>
      <c r="C84" s="101"/>
      <c r="D84" s="101"/>
      <c r="E84" s="101"/>
      <c r="F84" s="101"/>
      <c r="G84" s="101"/>
      <c r="H84" s="102"/>
    </row>
    <row r="85" spans="1:8" s="4" customFormat="1" ht="24.95" customHeight="1" x14ac:dyDescent="0.25">
      <c r="A85" s="44" t="s">
        <v>11</v>
      </c>
      <c r="B85" s="42" t="s">
        <v>402</v>
      </c>
      <c r="C85" s="103" t="s">
        <v>755</v>
      </c>
      <c r="D85" s="103"/>
      <c r="E85" s="46"/>
      <c r="F85" s="106"/>
      <c r="G85" s="109"/>
      <c r="H85" s="110"/>
    </row>
    <row r="86" spans="1:8" s="4" customFormat="1" ht="24.95" customHeight="1" x14ac:dyDescent="0.25">
      <c r="A86" s="44" t="s">
        <v>44</v>
      </c>
      <c r="B86" s="42" t="s">
        <v>427</v>
      </c>
      <c r="C86" s="104"/>
      <c r="D86" s="104"/>
      <c r="E86" s="46"/>
      <c r="F86" s="107"/>
      <c r="G86" s="109"/>
      <c r="H86" s="110"/>
    </row>
    <row r="87" spans="1:8" s="4" customFormat="1" ht="24.95" customHeight="1" x14ac:dyDescent="0.25">
      <c r="A87" s="44" t="s">
        <v>45</v>
      </c>
      <c r="B87" s="42" t="s">
        <v>422</v>
      </c>
      <c r="C87" s="104"/>
      <c r="D87" s="104"/>
      <c r="E87" s="46"/>
      <c r="F87" s="107"/>
      <c r="G87" s="109"/>
      <c r="H87" s="110"/>
    </row>
    <row r="88" spans="1:8" s="4" customFormat="1" ht="24.95" customHeight="1" x14ac:dyDescent="0.25">
      <c r="A88" s="44" t="s">
        <v>46</v>
      </c>
      <c r="B88" s="42" t="s">
        <v>423</v>
      </c>
      <c r="C88" s="104"/>
      <c r="D88" s="104"/>
      <c r="E88" s="46"/>
      <c r="F88" s="107"/>
      <c r="G88" s="109"/>
      <c r="H88" s="110"/>
    </row>
    <row r="89" spans="1:8" s="4" customFormat="1" ht="24.95" customHeight="1" x14ac:dyDescent="0.25">
      <c r="A89" s="44" t="s">
        <v>47</v>
      </c>
      <c r="B89" s="42" t="s">
        <v>424</v>
      </c>
      <c r="C89" s="104"/>
      <c r="D89" s="104"/>
      <c r="E89" s="46"/>
      <c r="F89" s="107"/>
      <c r="G89" s="109"/>
      <c r="H89" s="110"/>
    </row>
    <row r="90" spans="1:8" s="4" customFormat="1" ht="24.95" customHeight="1" x14ac:dyDescent="0.25">
      <c r="A90" s="44" t="s">
        <v>48</v>
      </c>
      <c r="B90" s="42" t="s">
        <v>425</v>
      </c>
      <c r="C90" s="104"/>
      <c r="D90" s="104"/>
      <c r="E90" s="46"/>
      <c r="F90" s="107"/>
      <c r="G90" s="109"/>
      <c r="H90" s="110"/>
    </row>
    <row r="91" spans="1:8" s="4" customFormat="1" ht="24.95" customHeight="1" x14ac:dyDescent="0.25">
      <c r="A91" s="44" t="s">
        <v>49</v>
      </c>
      <c r="B91" s="42" t="s">
        <v>426</v>
      </c>
      <c r="C91" s="104"/>
      <c r="D91" s="104"/>
      <c r="E91" s="46"/>
      <c r="F91" s="107"/>
      <c r="G91" s="109"/>
      <c r="H91" s="110"/>
    </row>
    <row r="92" spans="1:8" s="4" customFormat="1" ht="24.95" customHeight="1" x14ac:dyDescent="0.25">
      <c r="A92" s="44" t="s">
        <v>50</v>
      </c>
      <c r="B92" s="42" t="s">
        <v>406</v>
      </c>
      <c r="C92" s="104"/>
      <c r="D92" s="104"/>
      <c r="E92" s="46"/>
      <c r="F92" s="111"/>
      <c r="G92" s="109"/>
      <c r="H92" s="110"/>
    </row>
    <row r="93" spans="1:8" s="23" customFormat="1" ht="24.95" customHeight="1" x14ac:dyDescent="0.25">
      <c r="A93" s="49" t="s">
        <v>77</v>
      </c>
      <c r="B93" s="100" t="s">
        <v>244</v>
      </c>
      <c r="C93" s="101"/>
      <c r="D93" s="101"/>
      <c r="E93" s="101"/>
      <c r="F93" s="101"/>
      <c r="G93" s="101"/>
      <c r="H93" s="102"/>
    </row>
    <row r="94" spans="1:8" s="4" customFormat="1" ht="24.95" customHeight="1" x14ac:dyDescent="0.25">
      <c r="A94" s="44" t="s">
        <v>11</v>
      </c>
      <c r="B94" s="42" t="s">
        <v>428</v>
      </c>
      <c r="C94" s="103" t="s">
        <v>756</v>
      </c>
      <c r="D94" s="103"/>
      <c r="E94" s="46"/>
      <c r="F94" s="106"/>
      <c r="G94" s="109"/>
      <c r="H94" s="110"/>
    </row>
    <row r="95" spans="1:8" s="4" customFormat="1" ht="24.95" customHeight="1" x14ac:dyDescent="0.25">
      <c r="A95" s="44" t="s">
        <v>44</v>
      </c>
      <c r="B95" s="42" t="s">
        <v>429</v>
      </c>
      <c r="C95" s="104"/>
      <c r="D95" s="104"/>
      <c r="E95" s="46"/>
      <c r="F95" s="107"/>
      <c r="G95" s="109"/>
      <c r="H95" s="110"/>
    </row>
    <row r="96" spans="1:8" s="4" customFormat="1" ht="24.95" customHeight="1" x14ac:dyDescent="0.25">
      <c r="A96" s="44" t="s">
        <v>45</v>
      </c>
      <c r="B96" s="42" t="s">
        <v>430</v>
      </c>
      <c r="C96" s="104"/>
      <c r="D96" s="104"/>
      <c r="E96" s="46"/>
      <c r="F96" s="107"/>
      <c r="G96" s="109"/>
      <c r="H96" s="110"/>
    </row>
    <row r="97" spans="1:8" s="4" customFormat="1" ht="24.95" customHeight="1" x14ac:dyDescent="0.25">
      <c r="A97" s="44" t="s">
        <v>46</v>
      </c>
      <c r="B97" s="42" t="s">
        <v>431</v>
      </c>
      <c r="C97" s="104"/>
      <c r="D97" s="104"/>
      <c r="E97" s="46"/>
      <c r="F97" s="107"/>
      <c r="G97" s="109"/>
      <c r="H97" s="110"/>
    </row>
    <row r="98" spans="1:8" s="4" customFormat="1" ht="24.95" customHeight="1" x14ac:dyDescent="0.25">
      <c r="A98" s="44" t="s">
        <v>47</v>
      </c>
      <c r="B98" s="42" t="s">
        <v>406</v>
      </c>
      <c r="C98" s="112"/>
      <c r="D98" s="112"/>
      <c r="E98" s="46"/>
      <c r="F98" s="111"/>
      <c r="G98" s="109"/>
      <c r="H98" s="110"/>
    </row>
    <row r="99" spans="1:8" s="23" customFormat="1" ht="24.95" customHeight="1" x14ac:dyDescent="0.25">
      <c r="A99" s="49" t="s">
        <v>78</v>
      </c>
      <c r="B99" s="100" t="s">
        <v>245</v>
      </c>
      <c r="C99" s="101"/>
      <c r="D99" s="101"/>
      <c r="E99" s="101"/>
      <c r="F99" s="101"/>
      <c r="G99" s="101"/>
      <c r="H99" s="102"/>
    </row>
    <row r="100" spans="1:8" s="4" customFormat="1" ht="24.95" customHeight="1" x14ac:dyDescent="0.25">
      <c r="A100" s="44" t="s">
        <v>11</v>
      </c>
      <c r="B100" s="42" t="s">
        <v>428</v>
      </c>
      <c r="C100" s="103" t="s">
        <v>753</v>
      </c>
      <c r="D100" s="103"/>
      <c r="E100" s="46"/>
      <c r="F100" s="106"/>
      <c r="G100" s="109"/>
      <c r="H100" s="110"/>
    </row>
    <row r="101" spans="1:8" s="4" customFormat="1" ht="24.95" customHeight="1" x14ac:dyDescent="0.25">
      <c r="A101" s="44" t="s">
        <v>44</v>
      </c>
      <c r="B101" s="42" t="s">
        <v>429</v>
      </c>
      <c r="C101" s="104"/>
      <c r="D101" s="104"/>
      <c r="E101" s="46"/>
      <c r="F101" s="107"/>
      <c r="G101" s="109"/>
      <c r="H101" s="110"/>
    </row>
    <row r="102" spans="1:8" s="4" customFormat="1" ht="24.95" customHeight="1" x14ac:dyDescent="0.25">
      <c r="A102" s="44" t="s">
        <v>45</v>
      </c>
      <c r="B102" s="42" t="s">
        <v>431</v>
      </c>
      <c r="C102" s="104"/>
      <c r="D102" s="104"/>
      <c r="E102" s="46"/>
      <c r="F102" s="107"/>
      <c r="G102" s="109"/>
      <c r="H102" s="110"/>
    </row>
    <row r="103" spans="1:8" s="4" customFormat="1" ht="24.95" customHeight="1" x14ac:dyDescent="0.25">
      <c r="A103" s="44" t="s">
        <v>46</v>
      </c>
      <c r="B103" s="42" t="s">
        <v>432</v>
      </c>
      <c r="C103" s="104"/>
      <c r="D103" s="104"/>
      <c r="E103" s="46"/>
      <c r="F103" s="107"/>
      <c r="G103" s="109"/>
      <c r="H103" s="110"/>
    </row>
    <row r="104" spans="1:8" s="4" customFormat="1" ht="24.95" customHeight="1" x14ac:dyDescent="0.25">
      <c r="A104" s="44" t="s">
        <v>47</v>
      </c>
      <c r="B104" s="42" t="s">
        <v>406</v>
      </c>
      <c r="C104" s="112"/>
      <c r="D104" s="112"/>
      <c r="E104" s="46"/>
      <c r="F104" s="111"/>
      <c r="G104" s="109"/>
      <c r="H104" s="110"/>
    </row>
    <row r="105" spans="1:8" s="23" customFormat="1" ht="24.95" customHeight="1" x14ac:dyDescent="0.25">
      <c r="A105" s="49" t="s">
        <v>79</v>
      </c>
      <c r="B105" s="100" t="s">
        <v>246</v>
      </c>
      <c r="C105" s="101"/>
      <c r="D105" s="101"/>
      <c r="E105" s="101"/>
      <c r="F105" s="101"/>
      <c r="G105" s="101"/>
      <c r="H105" s="102"/>
    </row>
    <row r="106" spans="1:8" s="4" customFormat="1" ht="24.95" customHeight="1" x14ac:dyDescent="0.25">
      <c r="A106" s="44" t="s">
        <v>11</v>
      </c>
      <c r="B106" s="42" t="s">
        <v>433</v>
      </c>
      <c r="C106" s="103" t="s">
        <v>753</v>
      </c>
      <c r="D106" s="103"/>
      <c r="E106" s="46"/>
      <c r="F106" s="106"/>
      <c r="G106" s="109"/>
      <c r="H106" s="110"/>
    </row>
    <row r="107" spans="1:8" s="4" customFormat="1" ht="24.95" customHeight="1" x14ac:dyDescent="0.25">
      <c r="A107" s="44" t="s">
        <v>44</v>
      </c>
      <c r="B107" s="42" t="s">
        <v>429</v>
      </c>
      <c r="C107" s="104"/>
      <c r="D107" s="104"/>
      <c r="E107" s="46"/>
      <c r="F107" s="107"/>
      <c r="G107" s="109"/>
      <c r="H107" s="110"/>
    </row>
    <row r="108" spans="1:8" s="4" customFormat="1" ht="24.95" customHeight="1" x14ac:dyDescent="0.25">
      <c r="A108" s="44" t="s">
        <v>45</v>
      </c>
      <c r="B108" s="42" t="s">
        <v>434</v>
      </c>
      <c r="C108" s="104"/>
      <c r="D108" s="104"/>
      <c r="E108" s="46"/>
      <c r="F108" s="107"/>
      <c r="G108" s="109"/>
      <c r="H108" s="110"/>
    </row>
    <row r="109" spans="1:8" s="4" customFormat="1" ht="24.95" customHeight="1" x14ac:dyDescent="0.25">
      <c r="A109" s="44" t="s">
        <v>46</v>
      </c>
      <c r="B109" s="42" t="s">
        <v>406</v>
      </c>
      <c r="C109" s="112"/>
      <c r="D109" s="112"/>
      <c r="E109" s="46"/>
      <c r="F109" s="111"/>
      <c r="G109" s="109"/>
      <c r="H109" s="110"/>
    </row>
    <row r="110" spans="1:8" s="23" customFormat="1" ht="24.95" customHeight="1" x14ac:dyDescent="0.25">
      <c r="A110" s="49" t="s">
        <v>80</v>
      </c>
      <c r="B110" s="100" t="s">
        <v>247</v>
      </c>
      <c r="C110" s="101"/>
      <c r="D110" s="101"/>
      <c r="E110" s="101"/>
      <c r="F110" s="101"/>
      <c r="G110" s="101"/>
      <c r="H110" s="102"/>
    </row>
    <row r="111" spans="1:8" s="4" customFormat="1" ht="24.95" customHeight="1" x14ac:dyDescent="0.25">
      <c r="A111" s="44" t="s">
        <v>11</v>
      </c>
      <c r="B111" s="42" t="s">
        <v>435</v>
      </c>
      <c r="C111" s="103" t="s">
        <v>753</v>
      </c>
      <c r="D111" s="103"/>
      <c r="E111" s="46"/>
      <c r="F111" s="106"/>
      <c r="G111" s="109"/>
      <c r="H111" s="110"/>
    </row>
    <row r="112" spans="1:8" s="4" customFormat="1" ht="24.95" customHeight="1" x14ac:dyDescent="0.25">
      <c r="A112" s="44" t="s">
        <v>44</v>
      </c>
      <c r="B112" s="42" t="s">
        <v>429</v>
      </c>
      <c r="C112" s="104"/>
      <c r="D112" s="104"/>
      <c r="E112" s="46"/>
      <c r="F112" s="107"/>
      <c r="G112" s="109"/>
      <c r="H112" s="110"/>
    </row>
    <row r="113" spans="1:8" s="4" customFormat="1" ht="24.95" customHeight="1" x14ac:dyDescent="0.25">
      <c r="A113" s="44" t="s">
        <v>45</v>
      </c>
      <c r="B113" s="42" t="s">
        <v>436</v>
      </c>
      <c r="C113" s="104"/>
      <c r="D113" s="104"/>
      <c r="E113" s="46"/>
      <c r="F113" s="107"/>
      <c r="G113" s="109"/>
      <c r="H113" s="110"/>
    </row>
    <row r="114" spans="1:8" s="4" customFormat="1" ht="24.95" customHeight="1" x14ac:dyDescent="0.25">
      <c r="A114" s="44" t="s">
        <v>46</v>
      </c>
      <c r="B114" s="42" t="s">
        <v>437</v>
      </c>
      <c r="C114" s="104"/>
      <c r="D114" s="104"/>
      <c r="E114" s="46"/>
      <c r="F114" s="107"/>
      <c r="G114" s="109"/>
      <c r="H114" s="110"/>
    </row>
    <row r="115" spans="1:8" s="4" customFormat="1" ht="24.95" customHeight="1" x14ac:dyDescent="0.25">
      <c r="A115" s="44" t="s">
        <v>47</v>
      </c>
      <c r="B115" s="42" t="s">
        <v>438</v>
      </c>
      <c r="C115" s="104"/>
      <c r="D115" s="104"/>
      <c r="E115" s="46"/>
      <c r="F115" s="107"/>
      <c r="G115" s="109"/>
      <c r="H115" s="110"/>
    </row>
    <row r="116" spans="1:8" s="4" customFormat="1" ht="24.95" customHeight="1" x14ac:dyDescent="0.25">
      <c r="A116" s="44" t="s">
        <v>48</v>
      </c>
      <c r="B116" s="42" t="s">
        <v>436</v>
      </c>
      <c r="C116" s="104"/>
      <c r="D116" s="104"/>
      <c r="E116" s="46"/>
      <c r="F116" s="107"/>
      <c r="G116" s="109"/>
      <c r="H116" s="110"/>
    </row>
    <row r="117" spans="1:8" s="4" customFormat="1" ht="24.95" customHeight="1" x14ac:dyDescent="0.25">
      <c r="A117" s="44" t="s">
        <v>49</v>
      </c>
      <c r="B117" s="42" t="s">
        <v>406</v>
      </c>
      <c r="C117" s="112"/>
      <c r="D117" s="112"/>
      <c r="E117" s="46"/>
      <c r="F117" s="111"/>
      <c r="G117" s="109"/>
      <c r="H117" s="110"/>
    </row>
    <row r="118" spans="1:8" s="23" customFormat="1" ht="24.95" customHeight="1" x14ac:dyDescent="0.25">
      <c r="A118" s="49" t="s">
        <v>81</v>
      </c>
      <c r="B118" s="100" t="s">
        <v>248</v>
      </c>
      <c r="C118" s="101"/>
      <c r="D118" s="101"/>
      <c r="E118" s="101"/>
      <c r="F118" s="101"/>
      <c r="G118" s="101"/>
      <c r="H118" s="102"/>
    </row>
    <row r="119" spans="1:8" s="4" customFormat="1" ht="24.95" customHeight="1" x14ac:dyDescent="0.25">
      <c r="A119" s="44" t="s">
        <v>11</v>
      </c>
      <c r="B119" s="42" t="s">
        <v>439</v>
      </c>
      <c r="C119" s="103" t="s">
        <v>753</v>
      </c>
      <c r="D119" s="103"/>
      <c r="E119" s="46"/>
      <c r="F119" s="106"/>
      <c r="G119" s="109"/>
      <c r="H119" s="110"/>
    </row>
    <row r="120" spans="1:8" s="4" customFormat="1" ht="24.95" customHeight="1" x14ac:dyDescent="0.25">
      <c r="A120" s="44" t="s">
        <v>44</v>
      </c>
      <c r="B120" s="42" t="s">
        <v>440</v>
      </c>
      <c r="C120" s="104"/>
      <c r="D120" s="104"/>
      <c r="E120" s="46"/>
      <c r="F120" s="107"/>
      <c r="G120" s="109"/>
      <c r="H120" s="110"/>
    </row>
    <row r="121" spans="1:8" s="4" customFormat="1" ht="24.95" customHeight="1" x14ac:dyDescent="0.25">
      <c r="A121" s="44" t="s">
        <v>45</v>
      </c>
      <c r="B121" s="42" t="s">
        <v>441</v>
      </c>
      <c r="C121" s="104"/>
      <c r="D121" s="104"/>
      <c r="E121" s="46"/>
      <c r="F121" s="107"/>
      <c r="G121" s="109"/>
      <c r="H121" s="110"/>
    </row>
    <row r="122" spans="1:8" s="4" customFormat="1" ht="24.95" customHeight="1" x14ac:dyDescent="0.25">
      <c r="A122" s="44" t="s">
        <v>46</v>
      </c>
      <c r="B122" s="42" t="s">
        <v>442</v>
      </c>
      <c r="C122" s="104"/>
      <c r="D122" s="104"/>
      <c r="E122" s="46"/>
      <c r="F122" s="107"/>
      <c r="G122" s="109"/>
      <c r="H122" s="110"/>
    </row>
    <row r="123" spans="1:8" s="4" customFormat="1" ht="24.95" customHeight="1" x14ac:dyDescent="0.25">
      <c r="A123" s="44" t="s">
        <v>47</v>
      </c>
      <c r="B123" s="42" t="s">
        <v>406</v>
      </c>
      <c r="C123" s="112"/>
      <c r="D123" s="112"/>
      <c r="E123" s="46"/>
      <c r="F123" s="111"/>
      <c r="G123" s="109"/>
      <c r="H123" s="110"/>
    </row>
    <row r="124" spans="1:8" s="23" customFormat="1" ht="24.95" customHeight="1" x14ac:dyDescent="0.25">
      <c r="A124" s="49" t="s">
        <v>82</v>
      </c>
      <c r="B124" s="100" t="s">
        <v>249</v>
      </c>
      <c r="C124" s="101"/>
      <c r="D124" s="101"/>
      <c r="E124" s="101"/>
      <c r="F124" s="101"/>
      <c r="G124" s="101"/>
      <c r="H124" s="102"/>
    </row>
    <row r="125" spans="1:8" s="4" customFormat="1" ht="24.95" customHeight="1" x14ac:dyDescent="0.25">
      <c r="A125" s="44" t="s">
        <v>11</v>
      </c>
      <c r="B125" s="42" t="s">
        <v>439</v>
      </c>
      <c r="C125" s="103" t="s">
        <v>757</v>
      </c>
      <c r="D125" s="103"/>
      <c r="E125" s="46"/>
      <c r="F125" s="106"/>
      <c r="G125" s="109"/>
      <c r="H125" s="110"/>
    </row>
    <row r="126" spans="1:8" s="4" customFormat="1" ht="24.95" customHeight="1" x14ac:dyDescent="0.25">
      <c r="A126" s="44" t="s">
        <v>44</v>
      </c>
      <c r="B126" s="42" t="s">
        <v>443</v>
      </c>
      <c r="C126" s="104"/>
      <c r="D126" s="104"/>
      <c r="E126" s="46"/>
      <c r="F126" s="107"/>
      <c r="G126" s="109"/>
      <c r="H126" s="110"/>
    </row>
    <row r="127" spans="1:8" s="4" customFormat="1" ht="24.95" customHeight="1" x14ac:dyDescent="0.25">
      <c r="A127" s="44" t="s">
        <v>45</v>
      </c>
      <c r="B127" s="42" t="s">
        <v>444</v>
      </c>
      <c r="C127" s="104"/>
      <c r="D127" s="104"/>
      <c r="E127" s="46"/>
      <c r="F127" s="107"/>
      <c r="G127" s="109"/>
      <c r="H127" s="110"/>
    </row>
    <row r="128" spans="1:8" s="4" customFormat="1" ht="24.95" customHeight="1" x14ac:dyDescent="0.25">
      <c r="A128" s="44" t="s">
        <v>46</v>
      </c>
      <c r="B128" s="42" t="s">
        <v>445</v>
      </c>
      <c r="C128" s="104"/>
      <c r="D128" s="104"/>
      <c r="E128" s="46"/>
      <c r="F128" s="107"/>
      <c r="G128" s="109"/>
      <c r="H128" s="110"/>
    </row>
    <row r="129" spans="1:8" s="4" customFormat="1" ht="24.95" customHeight="1" x14ac:dyDescent="0.25">
      <c r="A129" s="44" t="s">
        <v>47</v>
      </c>
      <c r="B129" s="42" t="s">
        <v>446</v>
      </c>
      <c r="C129" s="104"/>
      <c r="D129" s="104"/>
      <c r="E129" s="46"/>
      <c r="F129" s="107"/>
      <c r="G129" s="109"/>
      <c r="H129" s="110"/>
    </row>
    <row r="130" spans="1:8" s="4" customFormat="1" ht="24.95" customHeight="1" x14ac:dyDescent="0.25">
      <c r="A130" s="44" t="s">
        <v>48</v>
      </c>
      <c r="B130" s="42" t="s">
        <v>447</v>
      </c>
      <c r="C130" s="104"/>
      <c r="D130" s="104"/>
      <c r="E130" s="46"/>
      <c r="F130" s="107"/>
      <c r="G130" s="109"/>
      <c r="H130" s="110"/>
    </row>
    <row r="131" spans="1:8" s="4" customFormat="1" ht="24.95" customHeight="1" x14ac:dyDescent="0.25">
      <c r="A131" s="44" t="s">
        <v>49</v>
      </c>
      <c r="B131" s="42" t="s">
        <v>448</v>
      </c>
      <c r="C131" s="104"/>
      <c r="D131" s="104"/>
      <c r="E131" s="46"/>
      <c r="F131" s="107"/>
      <c r="G131" s="109"/>
      <c r="H131" s="110"/>
    </row>
    <row r="132" spans="1:8" s="4" customFormat="1" ht="24.95" customHeight="1" x14ac:dyDescent="0.25">
      <c r="A132" s="44" t="s">
        <v>50</v>
      </c>
      <c r="B132" s="42" t="s">
        <v>406</v>
      </c>
      <c r="C132" s="112"/>
      <c r="D132" s="112"/>
      <c r="E132" s="46"/>
      <c r="F132" s="111"/>
      <c r="G132" s="109"/>
      <c r="H132" s="110"/>
    </row>
    <row r="133" spans="1:8" s="23" customFormat="1" ht="24.95" customHeight="1" x14ac:dyDescent="0.25">
      <c r="A133" s="49" t="s">
        <v>83</v>
      </c>
      <c r="B133" s="100" t="s">
        <v>250</v>
      </c>
      <c r="C133" s="101"/>
      <c r="D133" s="101"/>
      <c r="E133" s="101"/>
      <c r="F133" s="101"/>
      <c r="G133" s="101"/>
      <c r="H133" s="102"/>
    </row>
    <row r="134" spans="1:8" s="4" customFormat="1" ht="24.95" customHeight="1" x14ac:dyDescent="0.25">
      <c r="A134" s="44" t="s">
        <v>11</v>
      </c>
      <c r="B134" s="42" t="s">
        <v>412</v>
      </c>
      <c r="C134" s="103" t="s">
        <v>753</v>
      </c>
      <c r="D134" s="103"/>
      <c r="E134" s="46"/>
      <c r="F134" s="106"/>
      <c r="G134" s="109"/>
      <c r="H134" s="110"/>
    </row>
    <row r="135" spans="1:8" s="4" customFormat="1" ht="24.95" customHeight="1" x14ac:dyDescent="0.25">
      <c r="A135" s="44" t="s">
        <v>44</v>
      </c>
      <c r="B135" s="42" t="s">
        <v>449</v>
      </c>
      <c r="C135" s="104"/>
      <c r="D135" s="104"/>
      <c r="E135" s="46"/>
      <c r="F135" s="107"/>
      <c r="G135" s="109"/>
      <c r="H135" s="110"/>
    </row>
    <row r="136" spans="1:8" s="4" customFormat="1" ht="24.95" customHeight="1" x14ac:dyDescent="0.25">
      <c r="A136" s="44" t="s">
        <v>45</v>
      </c>
      <c r="B136" s="42" t="s">
        <v>450</v>
      </c>
      <c r="C136" s="104"/>
      <c r="D136" s="104"/>
      <c r="E136" s="46"/>
      <c r="F136" s="107"/>
      <c r="G136" s="109"/>
      <c r="H136" s="110"/>
    </row>
    <row r="137" spans="1:8" s="4" customFormat="1" ht="24.95" customHeight="1" x14ac:dyDescent="0.25">
      <c r="A137" s="44" t="s">
        <v>46</v>
      </c>
      <c r="B137" s="42" t="s">
        <v>451</v>
      </c>
      <c r="C137" s="104"/>
      <c r="D137" s="104"/>
      <c r="E137" s="46"/>
      <c r="F137" s="107"/>
      <c r="G137" s="109"/>
      <c r="H137" s="110"/>
    </row>
    <row r="138" spans="1:8" s="4" customFormat="1" ht="24.95" customHeight="1" x14ac:dyDescent="0.25">
      <c r="A138" s="44" t="s">
        <v>47</v>
      </c>
      <c r="B138" s="42" t="s">
        <v>452</v>
      </c>
      <c r="C138" s="104"/>
      <c r="D138" s="104"/>
      <c r="E138" s="46"/>
      <c r="F138" s="107"/>
      <c r="G138" s="109"/>
      <c r="H138" s="110"/>
    </row>
    <row r="139" spans="1:8" s="4" customFormat="1" ht="24.95" customHeight="1" x14ac:dyDescent="0.25">
      <c r="A139" s="44" t="s">
        <v>48</v>
      </c>
      <c r="B139" s="42" t="s">
        <v>421</v>
      </c>
      <c r="C139" s="104"/>
      <c r="D139" s="104"/>
      <c r="E139" s="46"/>
      <c r="F139" s="107"/>
      <c r="G139" s="109"/>
      <c r="H139" s="110"/>
    </row>
    <row r="140" spans="1:8" s="4" customFormat="1" ht="24.95" customHeight="1" x14ac:dyDescent="0.25">
      <c r="A140" s="44" t="s">
        <v>49</v>
      </c>
      <c r="B140" s="42" t="s">
        <v>453</v>
      </c>
      <c r="C140" s="104"/>
      <c r="D140" s="104"/>
      <c r="E140" s="46"/>
      <c r="F140" s="107"/>
      <c r="G140" s="109"/>
      <c r="H140" s="110"/>
    </row>
    <row r="141" spans="1:8" s="4" customFormat="1" ht="24.95" customHeight="1" x14ac:dyDescent="0.25">
      <c r="A141" s="44" t="s">
        <v>50</v>
      </c>
      <c r="B141" s="42" t="s">
        <v>406</v>
      </c>
      <c r="C141" s="112"/>
      <c r="D141" s="112"/>
      <c r="E141" s="46"/>
      <c r="F141" s="111"/>
      <c r="G141" s="109"/>
      <c r="H141" s="110"/>
    </row>
    <row r="142" spans="1:8" s="23" customFormat="1" ht="24.95" customHeight="1" x14ac:dyDescent="0.25">
      <c r="A142" s="49" t="s">
        <v>84</v>
      </c>
      <c r="B142" s="100" t="s">
        <v>251</v>
      </c>
      <c r="C142" s="101"/>
      <c r="D142" s="101"/>
      <c r="E142" s="101"/>
      <c r="F142" s="101"/>
      <c r="G142" s="101"/>
      <c r="H142" s="102"/>
    </row>
    <row r="143" spans="1:8" s="4" customFormat="1" ht="24.95" customHeight="1" x14ac:dyDescent="0.25">
      <c r="A143" s="44" t="s">
        <v>11</v>
      </c>
      <c r="B143" s="42" t="s">
        <v>402</v>
      </c>
      <c r="C143" s="103" t="s">
        <v>753</v>
      </c>
      <c r="D143" s="103"/>
      <c r="E143" s="46"/>
      <c r="F143" s="106"/>
      <c r="G143" s="109"/>
      <c r="H143" s="110"/>
    </row>
    <row r="144" spans="1:8" s="4" customFormat="1" ht="24.95" customHeight="1" x14ac:dyDescent="0.25">
      <c r="A144" s="44" t="s">
        <v>44</v>
      </c>
      <c r="B144" s="42" t="s">
        <v>449</v>
      </c>
      <c r="C144" s="104"/>
      <c r="D144" s="104"/>
      <c r="E144" s="46"/>
      <c r="F144" s="107"/>
      <c r="G144" s="109"/>
      <c r="H144" s="110"/>
    </row>
    <row r="145" spans="1:8" s="4" customFormat="1" ht="24.95" customHeight="1" x14ac:dyDescent="0.25">
      <c r="A145" s="44" t="s">
        <v>45</v>
      </c>
      <c r="B145" s="42" t="s">
        <v>450</v>
      </c>
      <c r="C145" s="104"/>
      <c r="D145" s="104"/>
      <c r="E145" s="46"/>
      <c r="F145" s="107"/>
      <c r="G145" s="109"/>
      <c r="H145" s="110"/>
    </row>
    <row r="146" spans="1:8" s="4" customFormat="1" ht="24.95" customHeight="1" x14ac:dyDescent="0.25">
      <c r="A146" s="44" t="s">
        <v>46</v>
      </c>
      <c r="B146" s="42" t="s">
        <v>421</v>
      </c>
      <c r="C146" s="104"/>
      <c r="D146" s="104"/>
      <c r="E146" s="46"/>
      <c r="F146" s="107"/>
      <c r="G146" s="109"/>
      <c r="H146" s="110"/>
    </row>
    <row r="147" spans="1:8" s="4" customFormat="1" ht="24.95" customHeight="1" x14ac:dyDescent="0.25">
      <c r="A147" s="44" t="s">
        <v>47</v>
      </c>
      <c r="B147" s="42" t="s">
        <v>454</v>
      </c>
      <c r="C147" s="104"/>
      <c r="D147" s="104"/>
      <c r="E147" s="46"/>
      <c r="F147" s="107"/>
      <c r="G147" s="109"/>
      <c r="H147" s="110"/>
    </row>
    <row r="148" spans="1:8" s="4" customFormat="1" ht="24.95" customHeight="1" x14ac:dyDescent="0.25">
      <c r="A148" s="44" t="s">
        <v>48</v>
      </c>
      <c r="B148" s="42" t="s">
        <v>406</v>
      </c>
      <c r="C148" s="112"/>
      <c r="D148" s="112"/>
      <c r="E148" s="46"/>
      <c r="F148" s="111"/>
      <c r="G148" s="109"/>
      <c r="H148" s="110"/>
    </row>
    <row r="149" spans="1:8" s="23" customFormat="1" ht="24.95" customHeight="1" x14ac:dyDescent="0.25">
      <c r="A149" s="49" t="s">
        <v>85</v>
      </c>
      <c r="B149" s="100" t="s">
        <v>252</v>
      </c>
      <c r="C149" s="101"/>
      <c r="D149" s="101"/>
      <c r="E149" s="101"/>
      <c r="F149" s="101"/>
      <c r="G149" s="101"/>
      <c r="H149" s="102"/>
    </row>
    <row r="150" spans="1:8" s="4" customFormat="1" ht="24.95" customHeight="1" x14ac:dyDescent="0.25">
      <c r="A150" s="44" t="s">
        <v>11</v>
      </c>
      <c r="B150" s="42" t="s">
        <v>402</v>
      </c>
      <c r="C150" s="103" t="s">
        <v>753</v>
      </c>
      <c r="D150" s="103"/>
      <c r="E150" s="46"/>
      <c r="F150" s="106"/>
      <c r="G150" s="109"/>
      <c r="H150" s="110"/>
    </row>
    <row r="151" spans="1:8" s="4" customFormat="1" ht="24.95" customHeight="1" x14ac:dyDescent="0.25">
      <c r="A151" s="44" t="s">
        <v>44</v>
      </c>
      <c r="B151" s="42" t="s">
        <v>449</v>
      </c>
      <c r="C151" s="104"/>
      <c r="D151" s="104"/>
      <c r="E151" s="46"/>
      <c r="F151" s="107"/>
      <c r="G151" s="109"/>
      <c r="H151" s="110"/>
    </row>
    <row r="152" spans="1:8" s="4" customFormat="1" ht="24.95" customHeight="1" x14ac:dyDescent="0.25">
      <c r="A152" s="44" t="s">
        <v>45</v>
      </c>
      <c r="B152" s="42" t="s">
        <v>450</v>
      </c>
      <c r="C152" s="104"/>
      <c r="D152" s="104"/>
      <c r="E152" s="46"/>
      <c r="F152" s="107"/>
      <c r="G152" s="109"/>
      <c r="H152" s="110"/>
    </row>
    <row r="153" spans="1:8" s="4" customFormat="1" ht="24.95" customHeight="1" x14ac:dyDescent="0.25">
      <c r="A153" s="44" t="s">
        <v>46</v>
      </c>
      <c r="B153" s="42" t="s">
        <v>455</v>
      </c>
      <c r="C153" s="104"/>
      <c r="D153" s="104"/>
      <c r="E153" s="46"/>
      <c r="F153" s="107"/>
      <c r="G153" s="109"/>
      <c r="H153" s="110"/>
    </row>
    <row r="154" spans="1:8" s="4" customFormat="1" ht="24.95" customHeight="1" x14ac:dyDescent="0.25">
      <c r="A154" s="44" t="s">
        <v>47</v>
      </c>
      <c r="B154" s="42" t="s">
        <v>454</v>
      </c>
      <c r="C154" s="104"/>
      <c r="D154" s="104"/>
      <c r="E154" s="46"/>
      <c r="F154" s="107"/>
      <c r="G154" s="109"/>
      <c r="H154" s="110"/>
    </row>
    <row r="155" spans="1:8" s="4" customFormat="1" ht="24.95" customHeight="1" x14ac:dyDescent="0.25">
      <c r="A155" s="44" t="s">
        <v>48</v>
      </c>
      <c r="B155" s="42" t="s">
        <v>406</v>
      </c>
      <c r="C155" s="112"/>
      <c r="D155" s="112"/>
      <c r="E155" s="46"/>
      <c r="F155" s="111"/>
      <c r="G155" s="109"/>
      <c r="H155" s="110"/>
    </row>
    <row r="156" spans="1:8" s="23" customFormat="1" ht="24.95" customHeight="1" x14ac:dyDescent="0.25">
      <c r="A156" s="49" t="s">
        <v>86</v>
      </c>
      <c r="B156" s="100" t="s">
        <v>253</v>
      </c>
      <c r="C156" s="101"/>
      <c r="D156" s="101"/>
      <c r="E156" s="101"/>
      <c r="F156" s="101"/>
      <c r="G156" s="101"/>
      <c r="H156" s="102"/>
    </row>
    <row r="157" spans="1:8" s="4" customFormat="1" ht="24.95" customHeight="1" x14ac:dyDescent="0.25">
      <c r="A157" s="44" t="s">
        <v>11</v>
      </c>
      <c r="B157" s="42" t="s">
        <v>456</v>
      </c>
      <c r="C157" s="103" t="s">
        <v>753</v>
      </c>
      <c r="D157" s="103"/>
      <c r="E157" s="46"/>
      <c r="F157" s="106"/>
      <c r="G157" s="109"/>
      <c r="H157" s="110"/>
    </row>
    <row r="158" spans="1:8" s="4" customFormat="1" ht="24.95" customHeight="1" x14ac:dyDescent="0.25">
      <c r="A158" s="44" t="s">
        <v>44</v>
      </c>
      <c r="B158" s="42" t="s">
        <v>457</v>
      </c>
      <c r="C158" s="104"/>
      <c r="D158" s="104"/>
      <c r="E158" s="46"/>
      <c r="F158" s="107"/>
      <c r="G158" s="109"/>
      <c r="H158" s="110"/>
    </row>
    <row r="159" spans="1:8" s="4" customFormat="1" ht="24.95" customHeight="1" x14ac:dyDescent="0.25">
      <c r="A159" s="44" t="s">
        <v>45</v>
      </c>
      <c r="B159" s="42" t="s">
        <v>458</v>
      </c>
      <c r="C159" s="104"/>
      <c r="D159" s="104"/>
      <c r="E159" s="46"/>
      <c r="F159" s="107"/>
      <c r="G159" s="109"/>
      <c r="H159" s="110"/>
    </row>
    <row r="160" spans="1:8" s="4" customFormat="1" ht="24.95" customHeight="1" x14ac:dyDescent="0.25">
      <c r="A160" s="44" t="s">
        <v>46</v>
      </c>
      <c r="B160" s="42" t="s">
        <v>406</v>
      </c>
      <c r="C160" s="112"/>
      <c r="D160" s="112"/>
      <c r="E160" s="46"/>
      <c r="F160" s="111"/>
      <c r="G160" s="109"/>
      <c r="H160" s="110"/>
    </row>
    <row r="161" spans="1:8" s="23" customFormat="1" ht="24.95" customHeight="1" x14ac:dyDescent="0.25">
      <c r="A161" s="49" t="s">
        <v>87</v>
      </c>
      <c r="B161" s="100" t="s">
        <v>254</v>
      </c>
      <c r="C161" s="101"/>
      <c r="D161" s="101"/>
      <c r="E161" s="101"/>
      <c r="F161" s="101"/>
      <c r="G161" s="101"/>
      <c r="H161" s="102"/>
    </row>
    <row r="162" spans="1:8" s="4" customFormat="1" ht="24.95" customHeight="1" x14ac:dyDescent="0.25">
      <c r="A162" s="44" t="s">
        <v>11</v>
      </c>
      <c r="B162" s="42" t="s">
        <v>412</v>
      </c>
      <c r="C162" s="103" t="s">
        <v>753</v>
      </c>
      <c r="D162" s="103"/>
      <c r="E162" s="46"/>
      <c r="F162" s="106"/>
      <c r="G162" s="109"/>
      <c r="H162" s="110"/>
    </row>
    <row r="163" spans="1:8" s="4" customFormat="1" ht="24.95" customHeight="1" x14ac:dyDescent="0.25">
      <c r="A163" s="44" t="s">
        <v>44</v>
      </c>
      <c r="B163" s="42" t="s">
        <v>457</v>
      </c>
      <c r="C163" s="104"/>
      <c r="D163" s="104"/>
      <c r="E163" s="46"/>
      <c r="F163" s="107"/>
      <c r="G163" s="109"/>
      <c r="H163" s="110"/>
    </row>
    <row r="164" spans="1:8" s="4" customFormat="1" ht="24.95" customHeight="1" x14ac:dyDescent="0.25">
      <c r="A164" s="44" t="s">
        <v>45</v>
      </c>
      <c r="B164" s="42" t="s">
        <v>458</v>
      </c>
      <c r="C164" s="104"/>
      <c r="D164" s="104"/>
      <c r="E164" s="46"/>
      <c r="F164" s="107"/>
      <c r="G164" s="109"/>
      <c r="H164" s="110"/>
    </row>
    <row r="165" spans="1:8" s="4" customFormat="1" ht="24.95" customHeight="1" x14ac:dyDescent="0.25">
      <c r="A165" s="44" t="s">
        <v>46</v>
      </c>
      <c r="B165" s="42" t="s">
        <v>406</v>
      </c>
      <c r="C165" s="112"/>
      <c r="D165" s="112"/>
      <c r="E165" s="46"/>
      <c r="F165" s="111"/>
      <c r="G165" s="109"/>
      <c r="H165" s="110"/>
    </row>
    <row r="166" spans="1:8" s="23" customFormat="1" ht="24.95" customHeight="1" x14ac:dyDescent="0.25">
      <c r="A166" s="49" t="s">
        <v>88</v>
      </c>
      <c r="B166" s="100" t="s">
        <v>255</v>
      </c>
      <c r="C166" s="101"/>
      <c r="D166" s="101"/>
      <c r="E166" s="101"/>
      <c r="F166" s="101"/>
      <c r="G166" s="101"/>
      <c r="H166" s="102"/>
    </row>
    <row r="167" spans="1:8" s="4" customFormat="1" ht="24.95" customHeight="1" x14ac:dyDescent="0.25">
      <c r="A167" s="44" t="s">
        <v>11</v>
      </c>
      <c r="B167" s="42" t="s">
        <v>402</v>
      </c>
      <c r="C167" s="103" t="s">
        <v>753</v>
      </c>
      <c r="D167" s="103"/>
      <c r="E167" s="46"/>
      <c r="F167" s="106"/>
      <c r="G167" s="109"/>
      <c r="H167" s="110"/>
    </row>
    <row r="168" spans="1:8" s="4" customFormat="1" ht="24.95" customHeight="1" x14ac:dyDescent="0.25">
      <c r="A168" s="44" t="s">
        <v>44</v>
      </c>
      <c r="B168" s="42" t="s">
        <v>457</v>
      </c>
      <c r="C168" s="104"/>
      <c r="D168" s="104"/>
      <c r="E168" s="46"/>
      <c r="F168" s="107"/>
      <c r="G168" s="109"/>
      <c r="H168" s="110"/>
    </row>
    <row r="169" spans="1:8" s="4" customFormat="1" ht="24.95" customHeight="1" x14ac:dyDescent="0.25">
      <c r="A169" s="44" t="s">
        <v>45</v>
      </c>
      <c r="B169" s="42" t="s">
        <v>458</v>
      </c>
      <c r="C169" s="104"/>
      <c r="D169" s="104"/>
      <c r="E169" s="46"/>
      <c r="F169" s="107"/>
      <c r="G169" s="109"/>
      <c r="H169" s="110"/>
    </row>
    <row r="170" spans="1:8" s="4" customFormat="1" ht="24.95" customHeight="1" x14ac:dyDescent="0.25">
      <c r="A170" s="44" t="s">
        <v>46</v>
      </c>
      <c r="B170" s="42" t="s">
        <v>406</v>
      </c>
      <c r="C170" s="112"/>
      <c r="D170" s="112"/>
      <c r="E170" s="46"/>
      <c r="F170" s="111"/>
      <c r="G170" s="109"/>
      <c r="H170" s="110"/>
    </row>
    <row r="171" spans="1:8" s="23" customFormat="1" ht="24.95" customHeight="1" x14ac:dyDescent="0.25">
      <c r="A171" s="49" t="s">
        <v>89</v>
      </c>
      <c r="B171" s="100" t="s">
        <v>256</v>
      </c>
      <c r="C171" s="101"/>
      <c r="D171" s="101"/>
      <c r="E171" s="101"/>
      <c r="F171" s="101"/>
      <c r="G171" s="101"/>
      <c r="H171" s="102"/>
    </row>
    <row r="172" spans="1:8" s="4" customFormat="1" ht="24.95" customHeight="1" x14ac:dyDescent="0.25">
      <c r="A172" s="44" t="s">
        <v>11</v>
      </c>
      <c r="B172" s="42" t="s">
        <v>456</v>
      </c>
      <c r="C172" s="103" t="s">
        <v>753</v>
      </c>
      <c r="D172" s="103"/>
      <c r="E172" s="46"/>
      <c r="F172" s="106"/>
      <c r="G172" s="109"/>
      <c r="H172" s="110"/>
    </row>
    <row r="173" spans="1:8" s="4" customFormat="1" ht="24.95" customHeight="1" x14ac:dyDescent="0.25">
      <c r="A173" s="44" t="s">
        <v>44</v>
      </c>
      <c r="B173" s="42" t="s">
        <v>459</v>
      </c>
      <c r="C173" s="104"/>
      <c r="D173" s="104"/>
      <c r="E173" s="46"/>
      <c r="F173" s="107"/>
      <c r="G173" s="109"/>
      <c r="H173" s="110"/>
    </row>
    <row r="174" spans="1:8" s="4" customFormat="1" ht="24.95" customHeight="1" x14ac:dyDescent="0.25">
      <c r="A174" s="44" t="s">
        <v>45</v>
      </c>
      <c r="B174" s="42" t="s">
        <v>406</v>
      </c>
      <c r="C174" s="104"/>
      <c r="D174" s="104"/>
      <c r="E174" s="46"/>
      <c r="F174" s="107"/>
      <c r="G174" s="109"/>
      <c r="H174" s="110"/>
    </row>
    <row r="175" spans="1:8" s="4" customFormat="1" ht="24.95" customHeight="1" x14ac:dyDescent="0.25">
      <c r="A175" s="44" t="s">
        <v>46</v>
      </c>
      <c r="B175" s="42" t="s">
        <v>460</v>
      </c>
      <c r="C175" s="112"/>
      <c r="D175" s="112"/>
      <c r="E175" s="46"/>
      <c r="F175" s="111"/>
      <c r="G175" s="109"/>
      <c r="H175" s="110"/>
    </row>
    <row r="176" spans="1:8" s="23" customFormat="1" ht="24.95" customHeight="1" x14ac:dyDescent="0.25">
      <c r="A176" s="49" t="s">
        <v>90</v>
      </c>
      <c r="B176" s="100" t="s">
        <v>257</v>
      </c>
      <c r="C176" s="101"/>
      <c r="D176" s="101"/>
      <c r="E176" s="101"/>
      <c r="F176" s="101"/>
      <c r="G176" s="101"/>
      <c r="H176" s="102"/>
    </row>
    <row r="177" spans="1:8" s="4" customFormat="1" ht="24.95" customHeight="1" x14ac:dyDescent="0.25">
      <c r="A177" s="44" t="s">
        <v>11</v>
      </c>
      <c r="B177" s="42" t="s">
        <v>456</v>
      </c>
      <c r="C177" s="103" t="s">
        <v>753</v>
      </c>
      <c r="D177" s="103"/>
      <c r="E177" s="46"/>
      <c r="F177" s="106"/>
      <c r="G177" s="109"/>
      <c r="H177" s="110"/>
    </row>
    <row r="178" spans="1:8" s="4" customFormat="1" ht="24.95" customHeight="1" x14ac:dyDescent="0.25">
      <c r="A178" s="44" t="s">
        <v>44</v>
      </c>
      <c r="B178" s="42" t="s">
        <v>459</v>
      </c>
      <c r="C178" s="104"/>
      <c r="D178" s="104"/>
      <c r="E178" s="46"/>
      <c r="F178" s="107"/>
      <c r="G178" s="109"/>
      <c r="H178" s="110"/>
    </row>
    <row r="179" spans="1:8" s="4" customFormat="1" ht="24.95" customHeight="1" x14ac:dyDescent="0.25">
      <c r="A179" s="44" t="s">
        <v>45</v>
      </c>
      <c r="B179" s="42" t="s">
        <v>406</v>
      </c>
      <c r="C179" s="104"/>
      <c r="D179" s="104"/>
      <c r="E179" s="46"/>
      <c r="F179" s="107"/>
      <c r="G179" s="109"/>
      <c r="H179" s="110"/>
    </row>
    <row r="180" spans="1:8" s="4" customFormat="1" ht="24.95" customHeight="1" x14ac:dyDescent="0.25">
      <c r="A180" s="44" t="s">
        <v>46</v>
      </c>
      <c r="B180" s="42" t="s">
        <v>461</v>
      </c>
      <c r="C180" s="112"/>
      <c r="D180" s="112"/>
      <c r="E180" s="46"/>
      <c r="F180" s="111"/>
      <c r="G180" s="109"/>
      <c r="H180" s="110"/>
    </row>
    <row r="181" spans="1:8" s="23" customFormat="1" ht="24.95" customHeight="1" x14ac:dyDescent="0.25">
      <c r="A181" s="49" t="s">
        <v>91</v>
      </c>
      <c r="B181" s="100" t="s">
        <v>258</v>
      </c>
      <c r="C181" s="101"/>
      <c r="D181" s="101"/>
      <c r="E181" s="101"/>
      <c r="F181" s="101"/>
      <c r="G181" s="101"/>
      <c r="H181" s="102"/>
    </row>
    <row r="182" spans="1:8" s="4" customFormat="1" ht="24.95" customHeight="1" x14ac:dyDescent="0.25">
      <c r="A182" s="44" t="s">
        <v>11</v>
      </c>
      <c r="B182" s="42" t="s">
        <v>402</v>
      </c>
      <c r="C182" s="103" t="s">
        <v>758</v>
      </c>
      <c r="D182" s="103"/>
      <c r="E182" s="46"/>
      <c r="F182" s="106"/>
      <c r="G182" s="109"/>
      <c r="H182" s="110"/>
    </row>
    <row r="183" spans="1:8" s="4" customFormat="1" ht="24.95" customHeight="1" x14ac:dyDescent="0.25">
      <c r="A183" s="44" t="s">
        <v>44</v>
      </c>
      <c r="B183" s="42" t="s">
        <v>462</v>
      </c>
      <c r="C183" s="104"/>
      <c r="D183" s="104"/>
      <c r="E183" s="46"/>
      <c r="F183" s="107"/>
      <c r="G183" s="109"/>
      <c r="H183" s="110"/>
    </row>
    <row r="184" spans="1:8" s="4" customFormat="1" ht="24.95" customHeight="1" x14ac:dyDescent="0.25">
      <c r="A184" s="44" t="s">
        <v>45</v>
      </c>
      <c r="B184" s="42" t="s">
        <v>463</v>
      </c>
      <c r="C184" s="104"/>
      <c r="D184" s="104"/>
      <c r="E184" s="46"/>
      <c r="F184" s="107"/>
      <c r="G184" s="109"/>
      <c r="H184" s="110"/>
    </row>
    <row r="185" spans="1:8" s="4" customFormat="1" ht="24.95" customHeight="1" x14ac:dyDescent="0.25">
      <c r="A185" s="44" t="s">
        <v>46</v>
      </c>
      <c r="B185" s="42" t="s">
        <v>464</v>
      </c>
      <c r="C185" s="104"/>
      <c r="D185" s="104"/>
      <c r="E185" s="46"/>
      <c r="F185" s="107"/>
      <c r="G185" s="109"/>
      <c r="H185" s="110"/>
    </row>
    <row r="186" spans="1:8" s="4" customFormat="1" ht="24.95" customHeight="1" x14ac:dyDescent="0.25">
      <c r="A186" s="44" t="s">
        <v>47</v>
      </c>
      <c r="B186" s="42" t="s">
        <v>465</v>
      </c>
      <c r="C186" s="104"/>
      <c r="D186" s="104"/>
      <c r="E186" s="46"/>
      <c r="F186" s="107"/>
      <c r="G186" s="109"/>
      <c r="H186" s="110"/>
    </row>
    <row r="187" spans="1:8" s="4" customFormat="1" ht="24.95" customHeight="1" x14ac:dyDescent="0.25">
      <c r="A187" s="44" t="s">
        <v>48</v>
      </c>
      <c r="B187" s="42" t="s">
        <v>466</v>
      </c>
      <c r="C187" s="104"/>
      <c r="D187" s="104"/>
      <c r="E187" s="46"/>
      <c r="F187" s="107"/>
      <c r="G187" s="109"/>
      <c r="H187" s="110"/>
    </row>
    <row r="188" spans="1:8" s="4" customFormat="1" ht="24.95" customHeight="1" x14ac:dyDescent="0.25">
      <c r="A188" s="44" t="s">
        <v>49</v>
      </c>
      <c r="B188" s="42" t="s">
        <v>406</v>
      </c>
      <c r="C188" s="112"/>
      <c r="D188" s="112"/>
      <c r="E188" s="46"/>
      <c r="F188" s="111"/>
      <c r="G188" s="109"/>
      <c r="H188" s="110"/>
    </row>
    <row r="189" spans="1:8" s="23" customFormat="1" ht="24.95" customHeight="1" x14ac:dyDescent="0.25">
      <c r="A189" s="49" t="s">
        <v>92</v>
      </c>
      <c r="B189" s="100" t="s">
        <v>259</v>
      </c>
      <c r="C189" s="101"/>
      <c r="D189" s="101"/>
      <c r="E189" s="101"/>
      <c r="F189" s="101"/>
      <c r="G189" s="101"/>
      <c r="H189" s="102"/>
    </row>
    <row r="190" spans="1:8" s="4" customFormat="1" ht="24.95" customHeight="1" x14ac:dyDescent="0.25">
      <c r="A190" s="44" t="s">
        <v>11</v>
      </c>
      <c r="B190" s="42" t="s">
        <v>402</v>
      </c>
      <c r="C190" s="103" t="s">
        <v>759</v>
      </c>
      <c r="D190" s="103"/>
      <c r="E190" s="46"/>
      <c r="F190" s="106"/>
      <c r="G190" s="109"/>
      <c r="H190" s="110"/>
    </row>
    <row r="191" spans="1:8" s="4" customFormat="1" ht="24.95" customHeight="1" x14ac:dyDescent="0.25">
      <c r="A191" s="44" t="s">
        <v>44</v>
      </c>
      <c r="B191" s="42" t="s">
        <v>467</v>
      </c>
      <c r="C191" s="104"/>
      <c r="D191" s="104"/>
      <c r="E191" s="46"/>
      <c r="F191" s="107"/>
      <c r="G191" s="109"/>
      <c r="H191" s="110"/>
    </row>
    <row r="192" spans="1:8" s="4" customFormat="1" ht="24.95" customHeight="1" x14ac:dyDescent="0.25">
      <c r="A192" s="44" t="s">
        <v>45</v>
      </c>
      <c r="B192" s="42" t="s">
        <v>464</v>
      </c>
      <c r="C192" s="104"/>
      <c r="D192" s="104"/>
      <c r="E192" s="46"/>
      <c r="F192" s="107"/>
      <c r="G192" s="109"/>
      <c r="H192" s="110"/>
    </row>
    <row r="193" spans="1:8" s="4" customFormat="1" ht="24.95" customHeight="1" x14ac:dyDescent="0.25">
      <c r="A193" s="44" t="s">
        <v>46</v>
      </c>
      <c r="B193" s="42" t="s">
        <v>465</v>
      </c>
      <c r="C193" s="104"/>
      <c r="D193" s="104"/>
      <c r="E193" s="46"/>
      <c r="F193" s="107"/>
      <c r="G193" s="109"/>
      <c r="H193" s="110"/>
    </row>
    <row r="194" spans="1:8" s="4" customFormat="1" ht="24.95" customHeight="1" x14ac:dyDescent="0.25">
      <c r="A194" s="44" t="s">
        <v>47</v>
      </c>
      <c r="B194" s="42" t="s">
        <v>466</v>
      </c>
      <c r="C194" s="104"/>
      <c r="D194" s="104"/>
      <c r="E194" s="46"/>
      <c r="F194" s="107"/>
      <c r="G194" s="109"/>
      <c r="H194" s="110"/>
    </row>
    <row r="195" spans="1:8" s="4" customFormat="1" ht="24.95" customHeight="1" x14ac:dyDescent="0.25">
      <c r="A195" s="44" t="s">
        <v>48</v>
      </c>
      <c r="B195" s="42" t="s">
        <v>406</v>
      </c>
      <c r="C195" s="112"/>
      <c r="D195" s="112"/>
      <c r="E195" s="46"/>
      <c r="F195" s="111"/>
      <c r="G195" s="109"/>
      <c r="H195" s="110"/>
    </row>
    <row r="196" spans="1:8" s="23" customFormat="1" ht="24.95" customHeight="1" x14ac:dyDescent="0.25">
      <c r="A196" s="49" t="s">
        <v>93</v>
      </c>
      <c r="B196" s="100" t="s">
        <v>260</v>
      </c>
      <c r="C196" s="101"/>
      <c r="D196" s="101"/>
      <c r="E196" s="101"/>
      <c r="F196" s="101"/>
      <c r="G196" s="101"/>
      <c r="H196" s="102"/>
    </row>
    <row r="197" spans="1:8" s="4" customFormat="1" ht="30" customHeight="1" x14ac:dyDescent="0.25">
      <c r="A197" s="44" t="s">
        <v>11</v>
      </c>
      <c r="B197" s="42" t="s">
        <v>468</v>
      </c>
      <c r="C197" s="103" t="s">
        <v>753</v>
      </c>
      <c r="D197" s="103"/>
      <c r="E197" s="46"/>
      <c r="F197" s="106"/>
      <c r="G197" s="109"/>
      <c r="H197" s="110"/>
    </row>
    <row r="198" spans="1:8" s="4" customFormat="1" ht="24.95" customHeight="1" x14ac:dyDescent="0.25">
      <c r="A198" s="44" t="s">
        <v>44</v>
      </c>
      <c r="B198" s="42" t="s">
        <v>469</v>
      </c>
      <c r="C198" s="104"/>
      <c r="D198" s="104"/>
      <c r="E198" s="46"/>
      <c r="F198" s="107"/>
      <c r="G198" s="109"/>
      <c r="H198" s="110"/>
    </row>
    <row r="199" spans="1:8" s="4" customFormat="1" ht="24.95" customHeight="1" x14ac:dyDescent="0.25">
      <c r="A199" s="44" t="s">
        <v>45</v>
      </c>
      <c r="B199" s="42" t="s">
        <v>470</v>
      </c>
      <c r="C199" s="104"/>
      <c r="D199" s="104"/>
      <c r="E199" s="46"/>
      <c r="F199" s="107"/>
      <c r="G199" s="109"/>
      <c r="H199" s="110"/>
    </row>
    <row r="200" spans="1:8" s="4" customFormat="1" ht="24.95" customHeight="1" x14ac:dyDescent="0.25">
      <c r="A200" s="44" t="s">
        <v>46</v>
      </c>
      <c r="B200" s="42" t="s">
        <v>471</v>
      </c>
      <c r="C200" s="104"/>
      <c r="D200" s="104"/>
      <c r="E200" s="46"/>
      <c r="F200" s="107"/>
      <c r="G200" s="109"/>
      <c r="H200" s="110"/>
    </row>
    <row r="201" spans="1:8" s="4" customFormat="1" ht="24.95" customHeight="1" x14ac:dyDescent="0.25">
      <c r="A201" s="44" t="s">
        <v>47</v>
      </c>
      <c r="B201" s="42" t="s">
        <v>406</v>
      </c>
      <c r="C201" s="112"/>
      <c r="D201" s="112"/>
      <c r="E201" s="46"/>
      <c r="F201" s="111"/>
      <c r="G201" s="109"/>
      <c r="H201" s="110"/>
    </row>
    <row r="202" spans="1:8" s="23" customFormat="1" ht="24.95" customHeight="1" x14ac:dyDescent="0.25">
      <c r="A202" s="49" t="s">
        <v>94</v>
      </c>
      <c r="B202" s="100" t="s">
        <v>261</v>
      </c>
      <c r="C202" s="101"/>
      <c r="D202" s="101"/>
      <c r="E202" s="101"/>
      <c r="F202" s="101"/>
      <c r="G202" s="101"/>
      <c r="H202" s="102"/>
    </row>
    <row r="203" spans="1:8" s="4" customFormat="1" ht="24.95" customHeight="1" x14ac:dyDescent="0.25">
      <c r="A203" s="44" t="s">
        <v>11</v>
      </c>
      <c r="B203" s="42" t="s">
        <v>402</v>
      </c>
      <c r="C203" s="103" t="s">
        <v>760</v>
      </c>
      <c r="D203" s="103"/>
      <c r="E203" s="46"/>
      <c r="F203" s="106"/>
      <c r="G203" s="109"/>
      <c r="H203" s="110"/>
    </row>
    <row r="204" spans="1:8" s="4" customFormat="1" ht="24.95" customHeight="1" x14ac:dyDescent="0.25">
      <c r="A204" s="44" t="s">
        <v>44</v>
      </c>
      <c r="B204" s="42" t="s">
        <v>472</v>
      </c>
      <c r="C204" s="104"/>
      <c r="D204" s="104"/>
      <c r="E204" s="46"/>
      <c r="F204" s="107"/>
      <c r="G204" s="109"/>
      <c r="H204" s="110"/>
    </row>
    <row r="205" spans="1:8" s="4" customFormat="1" ht="24.95" customHeight="1" x14ac:dyDescent="0.25">
      <c r="A205" s="44" t="s">
        <v>45</v>
      </c>
      <c r="B205" s="42" t="s">
        <v>473</v>
      </c>
      <c r="C205" s="104"/>
      <c r="D205" s="104"/>
      <c r="E205" s="46"/>
      <c r="F205" s="107"/>
      <c r="G205" s="109"/>
      <c r="H205" s="110"/>
    </row>
    <row r="206" spans="1:8" s="4" customFormat="1" ht="24.95" customHeight="1" x14ac:dyDescent="0.25">
      <c r="A206" s="44" t="s">
        <v>46</v>
      </c>
      <c r="B206" s="42" t="s">
        <v>474</v>
      </c>
      <c r="C206" s="104"/>
      <c r="D206" s="104"/>
      <c r="E206" s="46"/>
      <c r="F206" s="107"/>
      <c r="G206" s="109"/>
      <c r="H206" s="110"/>
    </row>
    <row r="207" spans="1:8" s="4" customFormat="1" ht="24.95" customHeight="1" x14ac:dyDescent="0.25">
      <c r="A207" s="44" t="s">
        <v>47</v>
      </c>
      <c r="B207" s="42" t="s">
        <v>475</v>
      </c>
      <c r="C207" s="104"/>
      <c r="D207" s="104"/>
      <c r="E207" s="46"/>
      <c r="F207" s="107"/>
      <c r="G207" s="109"/>
      <c r="H207" s="110"/>
    </row>
    <row r="208" spans="1:8" s="4" customFormat="1" ht="24.95" customHeight="1" x14ac:dyDescent="0.25">
      <c r="A208" s="44" t="s">
        <v>48</v>
      </c>
      <c r="B208" s="42" t="s">
        <v>476</v>
      </c>
      <c r="C208" s="104"/>
      <c r="D208" s="104"/>
      <c r="E208" s="46"/>
      <c r="F208" s="107"/>
      <c r="G208" s="109"/>
      <c r="H208" s="110"/>
    </row>
    <row r="209" spans="1:8" s="4" customFormat="1" ht="24.95" customHeight="1" x14ac:dyDescent="0.25">
      <c r="A209" s="44" t="s">
        <v>49</v>
      </c>
      <c r="B209" s="42" t="s">
        <v>477</v>
      </c>
      <c r="C209" s="104"/>
      <c r="D209" s="104"/>
      <c r="E209" s="46"/>
      <c r="F209" s="107"/>
      <c r="G209" s="109"/>
      <c r="H209" s="110"/>
    </row>
    <row r="210" spans="1:8" s="4" customFormat="1" ht="24.95" customHeight="1" x14ac:dyDescent="0.25">
      <c r="A210" s="44" t="s">
        <v>50</v>
      </c>
      <c r="B210" s="42" t="s">
        <v>406</v>
      </c>
      <c r="C210" s="112"/>
      <c r="D210" s="112"/>
      <c r="E210" s="46"/>
      <c r="F210" s="111"/>
      <c r="G210" s="109"/>
      <c r="H210" s="110"/>
    </row>
    <row r="211" spans="1:8" s="23" customFormat="1" ht="24.95" customHeight="1" x14ac:dyDescent="0.25">
      <c r="A211" s="49" t="s">
        <v>95</v>
      </c>
      <c r="B211" s="100" t="s">
        <v>262</v>
      </c>
      <c r="C211" s="101"/>
      <c r="D211" s="101"/>
      <c r="E211" s="101"/>
      <c r="F211" s="101"/>
      <c r="G211" s="101"/>
      <c r="H211" s="102"/>
    </row>
    <row r="212" spans="1:8" s="4" customFormat="1" ht="24.95" customHeight="1" x14ac:dyDescent="0.25">
      <c r="A212" s="44" t="s">
        <v>11</v>
      </c>
      <c r="B212" s="42" t="s">
        <v>402</v>
      </c>
      <c r="C212" s="103" t="s">
        <v>761</v>
      </c>
      <c r="D212" s="103"/>
      <c r="E212" s="46"/>
      <c r="F212" s="106"/>
      <c r="G212" s="109"/>
      <c r="H212" s="110"/>
    </row>
    <row r="213" spans="1:8" s="4" customFormat="1" ht="24.95" customHeight="1" x14ac:dyDescent="0.25">
      <c r="A213" s="44" t="s">
        <v>44</v>
      </c>
      <c r="B213" s="42" t="s">
        <v>472</v>
      </c>
      <c r="C213" s="104"/>
      <c r="D213" s="104"/>
      <c r="E213" s="46"/>
      <c r="F213" s="107"/>
      <c r="G213" s="109"/>
      <c r="H213" s="110"/>
    </row>
    <row r="214" spans="1:8" s="4" customFormat="1" ht="24.95" customHeight="1" x14ac:dyDescent="0.25">
      <c r="A214" s="44" t="s">
        <v>45</v>
      </c>
      <c r="B214" s="42" t="s">
        <v>473</v>
      </c>
      <c r="C214" s="104"/>
      <c r="D214" s="104"/>
      <c r="E214" s="46"/>
      <c r="F214" s="107"/>
      <c r="G214" s="109"/>
      <c r="H214" s="110"/>
    </row>
    <row r="215" spans="1:8" s="4" customFormat="1" ht="24.95" customHeight="1" x14ac:dyDescent="0.25">
      <c r="A215" s="44" t="s">
        <v>46</v>
      </c>
      <c r="B215" s="42" t="s">
        <v>474</v>
      </c>
      <c r="C215" s="104"/>
      <c r="D215" s="104"/>
      <c r="E215" s="46"/>
      <c r="F215" s="107"/>
      <c r="G215" s="109"/>
      <c r="H215" s="110"/>
    </row>
    <row r="216" spans="1:8" s="4" customFormat="1" ht="24.95" customHeight="1" x14ac:dyDescent="0.25">
      <c r="A216" s="44" t="s">
        <v>47</v>
      </c>
      <c r="B216" s="42" t="s">
        <v>475</v>
      </c>
      <c r="C216" s="104"/>
      <c r="D216" s="104"/>
      <c r="E216" s="46"/>
      <c r="F216" s="107"/>
      <c r="G216" s="109"/>
      <c r="H216" s="110"/>
    </row>
    <row r="217" spans="1:8" s="4" customFormat="1" ht="24.95" customHeight="1" x14ac:dyDescent="0.25">
      <c r="A217" s="44" t="s">
        <v>48</v>
      </c>
      <c r="B217" s="42" t="s">
        <v>478</v>
      </c>
      <c r="C217" s="104"/>
      <c r="D217" s="104"/>
      <c r="E217" s="46"/>
      <c r="F217" s="107"/>
      <c r="G217" s="109"/>
      <c r="H217" s="110"/>
    </row>
    <row r="218" spans="1:8" s="4" customFormat="1" ht="24.95" customHeight="1" x14ac:dyDescent="0.25">
      <c r="A218" s="44" t="s">
        <v>49</v>
      </c>
      <c r="B218" s="42" t="s">
        <v>477</v>
      </c>
      <c r="C218" s="104"/>
      <c r="D218" s="104"/>
      <c r="E218" s="46"/>
      <c r="F218" s="107"/>
      <c r="G218" s="109"/>
      <c r="H218" s="110"/>
    </row>
    <row r="219" spans="1:8" s="4" customFormat="1" ht="24.95" customHeight="1" x14ac:dyDescent="0.25">
      <c r="A219" s="44" t="s">
        <v>50</v>
      </c>
      <c r="B219" s="42" t="s">
        <v>406</v>
      </c>
      <c r="C219" s="112"/>
      <c r="D219" s="112"/>
      <c r="E219" s="46"/>
      <c r="F219" s="111"/>
      <c r="G219" s="109"/>
      <c r="H219" s="110"/>
    </row>
    <row r="220" spans="1:8" s="23" customFormat="1" ht="24.95" customHeight="1" x14ac:dyDescent="0.25">
      <c r="A220" s="49" t="s">
        <v>96</v>
      </c>
      <c r="B220" s="100" t="s">
        <v>263</v>
      </c>
      <c r="C220" s="101"/>
      <c r="D220" s="101"/>
      <c r="E220" s="101"/>
      <c r="F220" s="101"/>
      <c r="G220" s="101"/>
      <c r="H220" s="102"/>
    </row>
    <row r="221" spans="1:8" s="4" customFormat="1" ht="24.95" customHeight="1" x14ac:dyDescent="0.25">
      <c r="A221" s="44" t="s">
        <v>11</v>
      </c>
      <c r="B221" s="42" t="s">
        <v>402</v>
      </c>
      <c r="C221" s="103" t="s">
        <v>762</v>
      </c>
      <c r="D221" s="103"/>
      <c r="E221" s="46"/>
      <c r="F221" s="106"/>
      <c r="G221" s="109"/>
      <c r="H221" s="110"/>
    </row>
    <row r="222" spans="1:8" s="4" customFormat="1" ht="24.95" customHeight="1" x14ac:dyDescent="0.25">
      <c r="A222" s="44" t="s">
        <v>44</v>
      </c>
      <c r="B222" s="42" t="s">
        <v>479</v>
      </c>
      <c r="C222" s="104"/>
      <c r="D222" s="104"/>
      <c r="E222" s="46"/>
      <c r="F222" s="107"/>
      <c r="G222" s="109"/>
      <c r="H222" s="110"/>
    </row>
    <row r="223" spans="1:8" s="4" customFormat="1" ht="24.95" customHeight="1" x14ac:dyDescent="0.25">
      <c r="A223" s="44" t="s">
        <v>45</v>
      </c>
      <c r="B223" s="42" t="s">
        <v>474</v>
      </c>
      <c r="C223" s="104"/>
      <c r="D223" s="104"/>
      <c r="E223" s="46"/>
      <c r="F223" s="107"/>
      <c r="G223" s="109"/>
      <c r="H223" s="110"/>
    </row>
    <row r="224" spans="1:8" s="4" customFormat="1" ht="24.95" customHeight="1" x14ac:dyDescent="0.25">
      <c r="A224" s="44" t="s">
        <v>46</v>
      </c>
      <c r="B224" s="42" t="s">
        <v>480</v>
      </c>
      <c r="C224" s="104"/>
      <c r="D224" s="104"/>
      <c r="E224" s="46"/>
      <c r="F224" s="107"/>
      <c r="G224" s="109"/>
      <c r="H224" s="110"/>
    </row>
    <row r="225" spans="1:8" s="4" customFormat="1" ht="24.95" customHeight="1" x14ac:dyDescent="0.25">
      <c r="A225" s="44" t="s">
        <v>47</v>
      </c>
      <c r="B225" s="42" t="s">
        <v>481</v>
      </c>
      <c r="C225" s="104"/>
      <c r="D225" s="104"/>
      <c r="E225" s="46"/>
      <c r="F225" s="107"/>
      <c r="G225" s="109"/>
      <c r="H225" s="110"/>
    </row>
    <row r="226" spans="1:8" s="4" customFormat="1" ht="24.95" customHeight="1" x14ac:dyDescent="0.25">
      <c r="A226" s="44" t="s">
        <v>48</v>
      </c>
      <c r="B226" s="42" t="s">
        <v>470</v>
      </c>
      <c r="C226" s="104"/>
      <c r="D226" s="104"/>
      <c r="E226" s="46"/>
      <c r="F226" s="107"/>
      <c r="G226" s="109"/>
      <c r="H226" s="110"/>
    </row>
    <row r="227" spans="1:8" s="4" customFormat="1" ht="24.95" customHeight="1" x14ac:dyDescent="0.25">
      <c r="A227" s="44" t="s">
        <v>49</v>
      </c>
      <c r="B227" s="42" t="s">
        <v>406</v>
      </c>
      <c r="C227" s="112"/>
      <c r="D227" s="112"/>
      <c r="E227" s="46"/>
      <c r="F227" s="111"/>
      <c r="G227" s="109"/>
      <c r="H227" s="110"/>
    </row>
    <row r="228" spans="1:8" s="23" customFormat="1" ht="24.95" customHeight="1" x14ac:dyDescent="0.25">
      <c r="A228" s="49" t="s">
        <v>97</v>
      </c>
      <c r="B228" s="100" t="s">
        <v>264</v>
      </c>
      <c r="C228" s="101"/>
      <c r="D228" s="101"/>
      <c r="E228" s="101"/>
      <c r="F228" s="101"/>
      <c r="G228" s="101"/>
      <c r="H228" s="102"/>
    </row>
    <row r="229" spans="1:8" s="4" customFormat="1" ht="24.95" customHeight="1" x14ac:dyDescent="0.25">
      <c r="A229" s="44" t="s">
        <v>11</v>
      </c>
      <c r="B229" s="42" t="s">
        <v>402</v>
      </c>
      <c r="C229" s="103" t="s">
        <v>763</v>
      </c>
      <c r="D229" s="103"/>
      <c r="E229" s="46"/>
      <c r="F229" s="106"/>
      <c r="G229" s="109"/>
      <c r="H229" s="110"/>
    </row>
    <row r="230" spans="1:8" s="4" customFormat="1" ht="24.95" customHeight="1" x14ac:dyDescent="0.25">
      <c r="A230" s="44" t="s">
        <v>44</v>
      </c>
      <c r="B230" s="42" t="s">
        <v>482</v>
      </c>
      <c r="C230" s="104"/>
      <c r="D230" s="104"/>
      <c r="E230" s="46"/>
      <c r="F230" s="107"/>
      <c r="G230" s="109"/>
      <c r="H230" s="110"/>
    </row>
    <row r="231" spans="1:8" s="4" customFormat="1" ht="24.95" customHeight="1" x14ac:dyDescent="0.25">
      <c r="A231" s="44" t="s">
        <v>45</v>
      </c>
      <c r="B231" s="42" t="s">
        <v>483</v>
      </c>
      <c r="C231" s="104"/>
      <c r="D231" s="104"/>
      <c r="E231" s="46"/>
      <c r="F231" s="107"/>
      <c r="G231" s="109"/>
      <c r="H231" s="110"/>
    </row>
    <row r="232" spans="1:8" s="4" customFormat="1" ht="24.95" customHeight="1" x14ac:dyDescent="0.25">
      <c r="A232" s="44" t="s">
        <v>46</v>
      </c>
      <c r="B232" s="42" t="s">
        <v>484</v>
      </c>
      <c r="C232" s="104"/>
      <c r="D232" s="104"/>
      <c r="E232" s="46"/>
      <c r="F232" s="107"/>
      <c r="G232" s="109"/>
      <c r="H232" s="110"/>
    </row>
    <row r="233" spans="1:8" s="4" customFormat="1" ht="24.95" customHeight="1" x14ac:dyDescent="0.25">
      <c r="A233" s="44" t="s">
        <v>47</v>
      </c>
      <c r="B233" s="42" t="s">
        <v>485</v>
      </c>
      <c r="C233" s="104"/>
      <c r="D233" s="104"/>
      <c r="E233" s="46"/>
      <c r="F233" s="107"/>
      <c r="G233" s="109"/>
      <c r="H233" s="110"/>
    </row>
    <row r="234" spans="1:8" s="4" customFormat="1" ht="24.95" customHeight="1" x14ac:dyDescent="0.25">
      <c r="A234" s="44" t="s">
        <v>48</v>
      </c>
      <c r="B234" s="42" t="s">
        <v>486</v>
      </c>
      <c r="C234" s="104"/>
      <c r="D234" s="104"/>
      <c r="E234" s="46"/>
      <c r="F234" s="107"/>
      <c r="G234" s="109"/>
      <c r="H234" s="110"/>
    </row>
    <row r="235" spans="1:8" s="4" customFormat="1" ht="24.95" customHeight="1" x14ac:dyDescent="0.25">
      <c r="A235" s="44" t="s">
        <v>49</v>
      </c>
      <c r="B235" s="42" t="s">
        <v>487</v>
      </c>
      <c r="C235" s="104"/>
      <c r="D235" s="104"/>
      <c r="E235" s="46"/>
      <c r="F235" s="107"/>
      <c r="G235" s="109"/>
      <c r="H235" s="110"/>
    </row>
    <row r="236" spans="1:8" s="4" customFormat="1" ht="24.95" customHeight="1" x14ac:dyDescent="0.25">
      <c r="A236" s="44" t="s">
        <v>50</v>
      </c>
      <c r="B236" s="42" t="s">
        <v>488</v>
      </c>
      <c r="C236" s="104"/>
      <c r="D236" s="104"/>
      <c r="E236" s="46"/>
      <c r="F236" s="107"/>
      <c r="G236" s="109"/>
      <c r="H236" s="110"/>
    </row>
    <row r="237" spans="1:8" s="4" customFormat="1" ht="24.95" customHeight="1" x14ac:dyDescent="0.25">
      <c r="A237" s="44" t="s">
        <v>51</v>
      </c>
      <c r="B237" s="42" t="s">
        <v>406</v>
      </c>
      <c r="C237" s="112"/>
      <c r="D237" s="112"/>
      <c r="E237" s="46"/>
      <c r="F237" s="111"/>
      <c r="G237" s="109"/>
      <c r="H237" s="110"/>
    </row>
    <row r="238" spans="1:8" s="23" customFormat="1" ht="24.95" customHeight="1" x14ac:dyDescent="0.25">
      <c r="A238" s="49" t="s">
        <v>98</v>
      </c>
      <c r="B238" s="100" t="s">
        <v>265</v>
      </c>
      <c r="C238" s="101"/>
      <c r="D238" s="101"/>
      <c r="E238" s="101"/>
      <c r="F238" s="101"/>
      <c r="G238" s="101"/>
      <c r="H238" s="102"/>
    </row>
    <row r="239" spans="1:8" s="4" customFormat="1" ht="24.95" customHeight="1" x14ac:dyDescent="0.25">
      <c r="A239" s="44" t="s">
        <v>11</v>
      </c>
      <c r="B239" s="42" t="s">
        <v>402</v>
      </c>
      <c r="C239" s="103" t="s">
        <v>764</v>
      </c>
      <c r="D239" s="103"/>
      <c r="E239" s="46"/>
      <c r="F239" s="106"/>
      <c r="G239" s="109"/>
      <c r="H239" s="110"/>
    </row>
    <row r="240" spans="1:8" s="4" customFormat="1" ht="24.95" customHeight="1" x14ac:dyDescent="0.25">
      <c r="A240" s="44" t="s">
        <v>44</v>
      </c>
      <c r="B240" s="42" t="s">
        <v>462</v>
      </c>
      <c r="C240" s="104"/>
      <c r="D240" s="104"/>
      <c r="E240" s="46"/>
      <c r="F240" s="107"/>
      <c r="G240" s="109"/>
      <c r="H240" s="110"/>
    </row>
    <row r="241" spans="1:8" s="4" customFormat="1" ht="24.95" customHeight="1" x14ac:dyDescent="0.25">
      <c r="A241" s="44" t="s">
        <v>45</v>
      </c>
      <c r="B241" s="42" t="s">
        <v>489</v>
      </c>
      <c r="C241" s="104"/>
      <c r="D241" s="104"/>
      <c r="E241" s="46"/>
      <c r="F241" s="107"/>
      <c r="G241" s="109"/>
      <c r="H241" s="110"/>
    </row>
    <row r="242" spans="1:8" s="4" customFormat="1" ht="24.95" customHeight="1" x14ac:dyDescent="0.25">
      <c r="A242" s="44" t="s">
        <v>46</v>
      </c>
      <c r="B242" s="42" t="s">
        <v>490</v>
      </c>
      <c r="C242" s="104"/>
      <c r="D242" s="104"/>
      <c r="E242" s="46"/>
      <c r="F242" s="107"/>
      <c r="G242" s="109"/>
      <c r="H242" s="110"/>
    </row>
    <row r="243" spans="1:8" s="4" customFormat="1" ht="24.95" customHeight="1" x14ac:dyDescent="0.25">
      <c r="A243" s="44" t="s">
        <v>47</v>
      </c>
      <c r="B243" s="42" t="s">
        <v>491</v>
      </c>
      <c r="C243" s="104"/>
      <c r="D243" s="104"/>
      <c r="E243" s="46"/>
      <c r="F243" s="107"/>
      <c r="G243" s="109"/>
      <c r="H243" s="110"/>
    </row>
    <row r="244" spans="1:8" s="4" customFormat="1" ht="24.95" customHeight="1" x14ac:dyDescent="0.25">
      <c r="A244" s="44" t="s">
        <v>48</v>
      </c>
      <c r="B244" s="42" t="s">
        <v>1011</v>
      </c>
      <c r="C244" s="104"/>
      <c r="D244" s="104"/>
      <c r="E244" s="46"/>
      <c r="F244" s="107"/>
      <c r="G244" s="109"/>
      <c r="H244" s="110"/>
    </row>
    <row r="245" spans="1:8" s="4" customFormat="1" ht="24.95" customHeight="1" x14ac:dyDescent="0.25">
      <c r="A245" s="44" t="s">
        <v>49</v>
      </c>
      <c r="B245" s="42" t="s">
        <v>410</v>
      </c>
      <c r="C245" s="104"/>
      <c r="D245" s="104"/>
      <c r="E245" s="46"/>
      <c r="F245" s="107"/>
      <c r="G245" s="109"/>
      <c r="H245" s="110"/>
    </row>
    <row r="246" spans="1:8" s="4" customFormat="1" ht="24.95" customHeight="1" x14ac:dyDescent="0.25">
      <c r="A246" s="44" t="s">
        <v>50</v>
      </c>
      <c r="B246" s="42" t="s">
        <v>492</v>
      </c>
      <c r="C246" s="112"/>
      <c r="D246" s="112"/>
      <c r="E246" s="46"/>
      <c r="F246" s="111"/>
      <c r="G246" s="109"/>
      <c r="H246" s="110"/>
    </row>
    <row r="247" spans="1:8" s="23" customFormat="1" ht="24.95" customHeight="1" x14ac:dyDescent="0.25">
      <c r="A247" s="49" t="s">
        <v>99</v>
      </c>
      <c r="B247" s="100" t="s">
        <v>266</v>
      </c>
      <c r="C247" s="101"/>
      <c r="D247" s="101"/>
      <c r="E247" s="101"/>
      <c r="F247" s="101"/>
      <c r="G247" s="101"/>
      <c r="H247" s="102"/>
    </row>
    <row r="248" spans="1:8" s="4" customFormat="1" ht="24.95" customHeight="1" x14ac:dyDescent="0.25">
      <c r="A248" s="44" t="s">
        <v>11</v>
      </c>
      <c r="B248" s="42" t="s">
        <v>402</v>
      </c>
      <c r="C248" s="103" t="s">
        <v>753</v>
      </c>
      <c r="D248" s="103"/>
      <c r="E248" s="46"/>
      <c r="F248" s="106"/>
      <c r="G248" s="109"/>
      <c r="H248" s="110"/>
    </row>
    <row r="249" spans="1:8" s="4" customFormat="1" ht="24.95" customHeight="1" x14ac:dyDescent="0.25">
      <c r="A249" s="44" t="s">
        <v>44</v>
      </c>
      <c r="B249" s="42" t="s">
        <v>493</v>
      </c>
      <c r="C249" s="104"/>
      <c r="D249" s="104"/>
      <c r="E249" s="46"/>
      <c r="F249" s="107"/>
      <c r="G249" s="109"/>
      <c r="H249" s="110"/>
    </row>
    <row r="250" spans="1:8" s="4" customFormat="1" ht="24.95" customHeight="1" x14ac:dyDescent="0.25">
      <c r="A250" s="44" t="s">
        <v>45</v>
      </c>
      <c r="B250" s="42" t="s">
        <v>494</v>
      </c>
      <c r="C250" s="104"/>
      <c r="D250" s="104"/>
      <c r="E250" s="46"/>
      <c r="F250" s="107"/>
      <c r="G250" s="109"/>
      <c r="H250" s="110"/>
    </row>
    <row r="251" spans="1:8" s="4" customFormat="1" ht="24.95" customHeight="1" x14ac:dyDescent="0.25">
      <c r="A251" s="44" t="s">
        <v>46</v>
      </c>
      <c r="B251" s="42" t="s">
        <v>406</v>
      </c>
      <c r="C251" s="112"/>
      <c r="D251" s="112"/>
      <c r="E251" s="46"/>
      <c r="F251" s="111"/>
      <c r="G251" s="109"/>
      <c r="H251" s="110"/>
    </row>
    <row r="252" spans="1:8" s="23" customFormat="1" ht="24.95" customHeight="1" x14ac:dyDescent="0.25">
      <c r="A252" s="49" t="s">
        <v>100</v>
      </c>
      <c r="B252" s="100" t="s">
        <v>267</v>
      </c>
      <c r="C252" s="101"/>
      <c r="D252" s="101"/>
      <c r="E252" s="101"/>
      <c r="F252" s="101"/>
      <c r="G252" s="101"/>
      <c r="H252" s="102"/>
    </row>
    <row r="253" spans="1:8" s="4" customFormat="1" ht="24.95" customHeight="1" x14ac:dyDescent="0.25">
      <c r="A253" s="44" t="s">
        <v>11</v>
      </c>
      <c r="B253" s="42" t="s">
        <v>402</v>
      </c>
      <c r="C253" s="103" t="s">
        <v>753</v>
      </c>
      <c r="D253" s="103"/>
      <c r="E253" s="46"/>
      <c r="F253" s="106"/>
      <c r="G253" s="109"/>
      <c r="H253" s="110"/>
    </row>
    <row r="254" spans="1:8" s="4" customFormat="1" ht="24.95" customHeight="1" x14ac:dyDescent="0.25">
      <c r="A254" s="44" t="s">
        <v>44</v>
      </c>
      <c r="B254" s="42" t="s">
        <v>495</v>
      </c>
      <c r="C254" s="104"/>
      <c r="D254" s="104"/>
      <c r="E254" s="46"/>
      <c r="F254" s="107"/>
      <c r="G254" s="109"/>
      <c r="H254" s="110"/>
    </row>
    <row r="255" spans="1:8" s="4" customFormat="1" ht="24.95" customHeight="1" x14ac:dyDescent="0.25">
      <c r="A255" s="44" t="s">
        <v>45</v>
      </c>
      <c r="B255" s="42" t="s">
        <v>494</v>
      </c>
      <c r="C255" s="104"/>
      <c r="D255" s="104"/>
      <c r="E255" s="46"/>
      <c r="F255" s="107"/>
      <c r="G255" s="109"/>
      <c r="H255" s="110"/>
    </row>
    <row r="256" spans="1:8" s="4" customFormat="1" ht="24.95" customHeight="1" x14ac:dyDescent="0.25">
      <c r="A256" s="44" t="s">
        <v>46</v>
      </c>
      <c r="B256" s="42" t="s">
        <v>406</v>
      </c>
      <c r="C256" s="112"/>
      <c r="D256" s="112"/>
      <c r="E256" s="46"/>
      <c r="F256" s="111"/>
      <c r="G256" s="109"/>
      <c r="H256" s="110"/>
    </row>
    <row r="257" spans="1:8" s="23" customFormat="1" ht="24.75" customHeight="1" x14ac:dyDescent="0.25">
      <c r="A257" s="49" t="s">
        <v>101</v>
      </c>
      <c r="B257" s="100" t="s">
        <v>268</v>
      </c>
      <c r="C257" s="101"/>
      <c r="D257" s="101"/>
      <c r="E257" s="101"/>
      <c r="F257" s="101"/>
      <c r="G257" s="101"/>
      <c r="H257" s="102"/>
    </row>
    <row r="258" spans="1:8" s="4" customFormat="1" ht="24.95" customHeight="1" x14ac:dyDescent="0.25">
      <c r="A258" s="44" t="s">
        <v>11</v>
      </c>
      <c r="B258" s="42" t="s">
        <v>402</v>
      </c>
      <c r="C258" s="103" t="s">
        <v>765</v>
      </c>
      <c r="D258" s="103"/>
      <c r="E258" s="46"/>
      <c r="F258" s="106"/>
      <c r="G258" s="109"/>
      <c r="H258" s="110"/>
    </row>
    <row r="259" spans="1:8" s="4" customFormat="1" ht="24.95" customHeight="1" x14ac:dyDescent="0.25">
      <c r="A259" s="44" t="s">
        <v>44</v>
      </c>
      <c r="B259" s="42" t="s">
        <v>496</v>
      </c>
      <c r="C259" s="104"/>
      <c r="D259" s="104"/>
      <c r="E259" s="46"/>
      <c r="F259" s="107"/>
      <c r="G259" s="109"/>
      <c r="H259" s="110"/>
    </row>
    <row r="260" spans="1:8" s="4" customFormat="1" ht="24.95" customHeight="1" x14ac:dyDescent="0.25">
      <c r="A260" s="44" t="s">
        <v>45</v>
      </c>
      <c r="B260" s="42" t="s">
        <v>497</v>
      </c>
      <c r="C260" s="104"/>
      <c r="D260" s="104"/>
      <c r="E260" s="46"/>
      <c r="F260" s="107"/>
      <c r="G260" s="109"/>
      <c r="H260" s="110"/>
    </row>
    <row r="261" spans="1:8" s="4" customFormat="1" ht="24.95" customHeight="1" x14ac:dyDescent="0.25">
      <c r="A261" s="44" t="s">
        <v>46</v>
      </c>
      <c r="B261" s="42" t="s">
        <v>498</v>
      </c>
      <c r="C261" s="104"/>
      <c r="D261" s="104"/>
      <c r="E261" s="46"/>
      <c r="F261" s="107"/>
      <c r="G261" s="109"/>
      <c r="H261" s="110"/>
    </row>
    <row r="262" spans="1:8" s="4" customFormat="1" ht="24.95" customHeight="1" x14ac:dyDescent="0.25">
      <c r="A262" s="44" t="s">
        <v>47</v>
      </c>
      <c r="B262" s="42" t="s">
        <v>499</v>
      </c>
      <c r="C262" s="104"/>
      <c r="D262" s="104"/>
      <c r="E262" s="46"/>
      <c r="F262" s="107"/>
      <c r="G262" s="109"/>
      <c r="H262" s="110"/>
    </row>
    <row r="263" spans="1:8" s="4" customFormat="1" ht="24.95" customHeight="1" x14ac:dyDescent="0.25">
      <c r="A263" s="44" t="s">
        <v>48</v>
      </c>
      <c r="B263" s="42" t="s">
        <v>466</v>
      </c>
      <c r="C263" s="104"/>
      <c r="D263" s="104"/>
      <c r="E263" s="46"/>
      <c r="F263" s="107"/>
      <c r="G263" s="109"/>
      <c r="H263" s="110"/>
    </row>
    <row r="264" spans="1:8" s="4" customFormat="1" ht="24.95" customHeight="1" x14ac:dyDescent="0.25">
      <c r="A264" s="44" t="s">
        <v>49</v>
      </c>
      <c r="B264" s="42" t="s">
        <v>406</v>
      </c>
      <c r="C264" s="112"/>
      <c r="D264" s="112"/>
      <c r="E264" s="46"/>
      <c r="F264" s="111"/>
      <c r="G264" s="109"/>
      <c r="H264" s="110"/>
    </row>
    <row r="265" spans="1:8" s="23" customFormat="1" ht="24.95" customHeight="1" x14ac:dyDescent="0.25">
      <c r="A265" s="49" t="s">
        <v>102</v>
      </c>
      <c r="B265" s="100" t="s">
        <v>269</v>
      </c>
      <c r="C265" s="101"/>
      <c r="D265" s="101"/>
      <c r="E265" s="101"/>
      <c r="F265" s="101"/>
      <c r="G265" s="101"/>
      <c r="H265" s="102"/>
    </row>
    <row r="266" spans="1:8" s="4" customFormat="1" ht="24.95" customHeight="1" x14ac:dyDescent="0.25">
      <c r="A266" s="44" t="s">
        <v>11</v>
      </c>
      <c r="B266" s="42" t="s">
        <v>402</v>
      </c>
      <c r="C266" s="103" t="s">
        <v>753</v>
      </c>
      <c r="D266" s="103"/>
      <c r="E266" s="46"/>
      <c r="F266" s="106"/>
      <c r="G266" s="109"/>
      <c r="H266" s="110"/>
    </row>
    <row r="267" spans="1:8" s="4" customFormat="1" ht="24.95" customHeight="1" x14ac:dyDescent="0.25">
      <c r="A267" s="44" t="s">
        <v>44</v>
      </c>
      <c r="B267" s="42" t="s">
        <v>500</v>
      </c>
      <c r="C267" s="104"/>
      <c r="D267" s="104"/>
      <c r="E267" s="46"/>
      <c r="F267" s="107"/>
      <c r="G267" s="109"/>
      <c r="H267" s="110"/>
    </row>
    <row r="268" spans="1:8" s="4" customFormat="1" ht="24.95" customHeight="1" x14ac:dyDescent="0.25">
      <c r="A268" s="44" t="s">
        <v>45</v>
      </c>
      <c r="B268" s="42" t="s">
        <v>501</v>
      </c>
      <c r="C268" s="104"/>
      <c r="D268" s="104"/>
      <c r="E268" s="46"/>
      <c r="F268" s="107"/>
      <c r="G268" s="109"/>
      <c r="H268" s="110"/>
    </row>
    <row r="269" spans="1:8" s="4" customFormat="1" ht="24.95" customHeight="1" x14ac:dyDescent="0.25">
      <c r="A269" s="44" t="s">
        <v>46</v>
      </c>
      <c r="B269" s="42" t="s">
        <v>494</v>
      </c>
      <c r="C269" s="104"/>
      <c r="D269" s="104"/>
      <c r="E269" s="46"/>
      <c r="F269" s="107"/>
      <c r="G269" s="109"/>
      <c r="H269" s="110"/>
    </row>
    <row r="270" spans="1:8" s="4" customFormat="1" ht="24.95" customHeight="1" x14ac:dyDescent="0.25">
      <c r="A270" s="44" t="s">
        <v>47</v>
      </c>
      <c r="B270" s="42" t="s">
        <v>406</v>
      </c>
      <c r="C270" s="112"/>
      <c r="D270" s="112"/>
      <c r="E270" s="46"/>
      <c r="F270" s="111"/>
      <c r="G270" s="109"/>
      <c r="H270" s="110"/>
    </row>
    <row r="271" spans="1:8" s="23" customFormat="1" ht="24.95" customHeight="1" x14ac:dyDescent="0.25">
      <c r="A271" s="49" t="s">
        <v>103</v>
      </c>
      <c r="B271" s="100" t="s">
        <v>270</v>
      </c>
      <c r="C271" s="101"/>
      <c r="D271" s="101"/>
      <c r="E271" s="101"/>
      <c r="F271" s="101"/>
      <c r="G271" s="101"/>
      <c r="H271" s="102"/>
    </row>
    <row r="272" spans="1:8" s="4" customFormat="1" ht="24.95" customHeight="1" x14ac:dyDescent="0.25">
      <c r="A272" s="44" t="s">
        <v>11</v>
      </c>
      <c r="B272" s="42" t="s">
        <v>402</v>
      </c>
      <c r="C272" s="103" t="s">
        <v>753</v>
      </c>
      <c r="D272" s="103"/>
      <c r="E272" s="46"/>
      <c r="F272" s="106"/>
      <c r="G272" s="109"/>
      <c r="H272" s="110"/>
    </row>
    <row r="273" spans="1:8" s="4" customFormat="1" ht="24.95" customHeight="1" x14ac:dyDescent="0.25">
      <c r="A273" s="44" t="s">
        <v>44</v>
      </c>
      <c r="B273" s="42" t="s">
        <v>502</v>
      </c>
      <c r="C273" s="104"/>
      <c r="D273" s="104"/>
      <c r="E273" s="46"/>
      <c r="F273" s="107"/>
      <c r="G273" s="109"/>
      <c r="H273" s="110"/>
    </row>
    <row r="274" spans="1:8" s="4" customFormat="1" ht="28.5" customHeight="1" x14ac:dyDescent="0.25">
      <c r="A274" s="44" t="s">
        <v>45</v>
      </c>
      <c r="B274" s="42" t="s">
        <v>503</v>
      </c>
      <c r="C274" s="104"/>
      <c r="D274" s="104"/>
      <c r="E274" s="46"/>
      <c r="F274" s="107"/>
      <c r="G274" s="109"/>
      <c r="H274" s="110"/>
    </row>
    <row r="275" spans="1:8" s="4" customFormat="1" ht="24.95" customHeight="1" x14ac:dyDescent="0.25">
      <c r="A275" s="44" t="s">
        <v>46</v>
      </c>
      <c r="B275" s="42" t="s">
        <v>406</v>
      </c>
      <c r="C275" s="112"/>
      <c r="D275" s="112"/>
      <c r="E275" s="46"/>
      <c r="F275" s="111"/>
      <c r="G275" s="109"/>
      <c r="H275" s="110"/>
    </row>
    <row r="276" spans="1:8" s="23" customFormat="1" ht="24.95" customHeight="1" x14ac:dyDescent="0.25">
      <c r="A276" s="49" t="s">
        <v>104</v>
      </c>
      <c r="B276" s="100" t="s">
        <v>271</v>
      </c>
      <c r="C276" s="101"/>
      <c r="D276" s="101"/>
      <c r="E276" s="101"/>
      <c r="F276" s="101"/>
      <c r="G276" s="101"/>
      <c r="H276" s="102"/>
    </row>
    <row r="277" spans="1:8" s="4" customFormat="1" ht="24.95" customHeight="1" x14ac:dyDescent="0.25">
      <c r="A277" s="44" t="s">
        <v>11</v>
      </c>
      <c r="B277" s="42" t="s">
        <v>402</v>
      </c>
      <c r="C277" s="103" t="s">
        <v>753</v>
      </c>
      <c r="D277" s="103"/>
      <c r="E277" s="46"/>
      <c r="F277" s="106"/>
      <c r="G277" s="109"/>
      <c r="H277" s="110"/>
    </row>
    <row r="278" spans="1:8" s="4" customFormat="1" ht="24.95" customHeight="1" x14ac:dyDescent="0.25">
      <c r="A278" s="44" t="s">
        <v>44</v>
      </c>
      <c r="B278" s="42" t="s">
        <v>504</v>
      </c>
      <c r="C278" s="104"/>
      <c r="D278" s="104"/>
      <c r="E278" s="46"/>
      <c r="F278" s="107"/>
      <c r="G278" s="109"/>
      <c r="H278" s="110"/>
    </row>
    <row r="279" spans="1:8" s="4" customFormat="1" ht="28.5" customHeight="1" x14ac:dyDescent="0.25">
      <c r="A279" s="44" t="s">
        <v>45</v>
      </c>
      <c r="B279" s="42" t="s">
        <v>505</v>
      </c>
      <c r="C279" s="104"/>
      <c r="D279" s="104"/>
      <c r="E279" s="46"/>
      <c r="F279" s="107"/>
      <c r="G279" s="109"/>
      <c r="H279" s="110"/>
    </row>
    <row r="280" spans="1:8" s="4" customFormat="1" ht="30.75" customHeight="1" x14ac:dyDescent="0.25">
      <c r="A280" s="44" t="s">
        <v>46</v>
      </c>
      <c r="B280" s="42" t="s">
        <v>503</v>
      </c>
      <c r="C280" s="104"/>
      <c r="D280" s="104"/>
      <c r="E280" s="46"/>
      <c r="F280" s="107"/>
      <c r="G280" s="109"/>
      <c r="H280" s="110"/>
    </row>
    <row r="281" spans="1:8" s="4" customFormat="1" ht="24.95" customHeight="1" x14ac:dyDescent="0.25">
      <c r="A281" s="44" t="s">
        <v>47</v>
      </c>
      <c r="B281" s="42" t="s">
        <v>406</v>
      </c>
      <c r="C281" s="112"/>
      <c r="D281" s="112"/>
      <c r="E281" s="46"/>
      <c r="F281" s="111"/>
      <c r="G281" s="109"/>
      <c r="H281" s="110"/>
    </row>
    <row r="282" spans="1:8" s="23" customFormat="1" ht="24.95" customHeight="1" x14ac:dyDescent="0.25">
      <c r="A282" s="49" t="s">
        <v>105</v>
      </c>
      <c r="B282" s="100" t="s">
        <v>272</v>
      </c>
      <c r="C282" s="101"/>
      <c r="D282" s="101"/>
      <c r="E282" s="101"/>
      <c r="F282" s="101"/>
      <c r="G282" s="101"/>
      <c r="H282" s="102"/>
    </row>
    <row r="283" spans="1:8" s="4" customFormat="1" ht="24.95" customHeight="1" x14ac:dyDescent="0.25">
      <c r="A283" s="44" t="s">
        <v>11</v>
      </c>
      <c r="B283" s="42" t="s">
        <v>402</v>
      </c>
      <c r="C283" s="103" t="s">
        <v>766</v>
      </c>
      <c r="D283" s="103"/>
      <c r="E283" s="46"/>
      <c r="F283" s="106"/>
      <c r="G283" s="109"/>
      <c r="H283" s="110"/>
    </row>
    <row r="284" spans="1:8" s="4" customFormat="1" ht="24.95" customHeight="1" x14ac:dyDescent="0.25">
      <c r="A284" s="44" t="s">
        <v>44</v>
      </c>
      <c r="B284" s="42" t="s">
        <v>506</v>
      </c>
      <c r="C284" s="104"/>
      <c r="D284" s="104"/>
      <c r="E284" s="46"/>
      <c r="F284" s="107"/>
      <c r="G284" s="109"/>
      <c r="H284" s="110"/>
    </row>
    <row r="285" spans="1:8" s="4" customFormat="1" ht="24.95" customHeight="1" x14ac:dyDescent="0.25">
      <c r="A285" s="44" t="s">
        <v>45</v>
      </c>
      <c r="B285" s="42" t="s">
        <v>507</v>
      </c>
      <c r="C285" s="104"/>
      <c r="D285" s="104"/>
      <c r="E285" s="46"/>
      <c r="F285" s="107"/>
      <c r="G285" s="109"/>
      <c r="H285" s="110"/>
    </row>
    <row r="286" spans="1:8" s="4" customFormat="1" ht="24.95" customHeight="1" x14ac:dyDescent="0.25">
      <c r="A286" s="44" t="s">
        <v>46</v>
      </c>
      <c r="B286" s="42" t="s">
        <v>508</v>
      </c>
      <c r="C286" s="104"/>
      <c r="D286" s="104"/>
      <c r="E286" s="46"/>
      <c r="F286" s="107"/>
      <c r="G286" s="109"/>
      <c r="H286" s="110"/>
    </row>
    <row r="287" spans="1:8" s="4" customFormat="1" ht="24.95" customHeight="1" x14ac:dyDescent="0.25">
      <c r="A287" s="44" t="s">
        <v>47</v>
      </c>
      <c r="B287" s="42" t="s">
        <v>509</v>
      </c>
      <c r="C287" s="104"/>
      <c r="D287" s="104"/>
      <c r="E287" s="46"/>
      <c r="F287" s="107"/>
      <c r="G287" s="109"/>
      <c r="H287" s="110"/>
    </row>
    <row r="288" spans="1:8" s="4" customFormat="1" ht="24.95" customHeight="1" x14ac:dyDescent="0.25">
      <c r="A288" s="44" t="s">
        <v>48</v>
      </c>
      <c r="B288" s="42" t="s">
        <v>510</v>
      </c>
      <c r="C288" s="104"/>
      <c r="D288" s="104"/>
      <c r="E288" s="46"/>
      <c r="F288" s="107"/>
      <c r="G288" s="109"/>
      <c r="H288" s="110"/>
    </row>
    <row r="289" spans="1:8" s="4" customFormat="1" ht="24.95" customHeight="1" x14ac:dyDescent="0.25">
      <c r="A289" s="44" t="s">
        <v>49</v>
      </c>
      <c r="B289" s="42" t="s">
        <v>406</v>
      </c>
      <c r="C289" s="112"/>
      <c r="D289" s="112"/>
      <c r="E289" s="46"/>
      <c r="F289" s="111"/>
      <c r="G289" s="109"/>
      <c r="H289" s="110"/>
    </row>
    <row r="290" spans="1:8" s="23" customFormat="1" ht="24.95" customHeight="1" x14ac:dyDescent="0.25">
      <c r="A290" s="49" t="s">
        <v>106</v>
      </c>
      <c r="B290" s="100" t="s">
        <v>273</v>
      </c>
      <c r="C290" s="101"/>
      <c r="D290" s="101"/>
      <c r="E290" s="101"/>
      <c r="F290" s="101"/>
      <c r="G290" s="101"/>
      <c r="H290" s="102"/>
    </row>
    <row r="291" spans="1:8" s="4" customFormat="1" ht="24.95" customHeight="1" x14ac:dyDescent="0.25">
      <c r="A291" s="44" t="s">
        <v>11</v>
      </c>
      <c r="B291" s="42" t="s">
        <v>402</v>
      </c>
      <c r="C291" s="103" t="s">
        <v>767</v>
      </c>
      <c r="D291" s="103"/>
      <c r="E291" s="46"/>
      <c r="F291" s="106"/>
      <c r="G291" s="109"/>
      <c r="H291" s="110"/>
    </row>
    <row r="292" spans="1:8" s="4" customFormat="1" ht="24.95" customHeight="1" x14ac:dyDescent="0.25">
      <c r="A292" s="44" t="s">
        <v>44</v>
      </c>
      <c r="B292" s="42" t="s">
        <v>511</v>
      </c>
      <c r="C292" s="104"/>
      <c r="D292" s="104"/>
      <c r="E292" s="46"/>
      <c r="F292" s="107"/>
      <c r="G292" s="109"/>
      <c r="H292" s="110"/>
    </row>
    <row r="293" spans="1:8" s="4" customFormat="1" ht="24.95" customHeight="1" x14ac:dyDescent="0.25">
      <c r="A293" s="44" t="s">
        <v>45</v>
      </c>
      <c r="B293" s="42" t="s">
        <v>512</v>
      </c>
      <c r="C293" s="104"/>
      <c r="D293" s="104"/>
      <c r="E293" s="46"/>
      <c r="F293" s="107"/>
      <c r="G293" s="109"/>
      <c r="H293" s="110"/>
    </row>
    <row r="294" spans="1:8" s="4" customFormat="1" ht="24.95" customHeight="1" x14ac:dyDescent="0.25">
      <c r="A294" s="44" t="s">
        <v>46</v>
      </c>
      <c r="B294" s="42" t="s">
        <v>513</v>
      </c>
      <c r="C294" s="104"/>
      <c r="D294" s="104"/>
      <c r="E294" s="46"/>
      <c r="F294" s="107"/>
      <c r="G294" s="109"/>
      <c r="H294" s="110"/>
    </row>
    <row r="295" spans="1:8" s="4" customFormat="1" ht="24.95" customHeight="1" x14ac:dyDescent="0.25">
      <c r="A295" s="44" t="s">
        <v>47</v>
      </c>
      <c r="B295" s="42" t="s">
        <v>466</v>
      </c>
      <c r="C295" s="104"/>
      <c r="D295" s="104"/>
      <c r="E295" s="46"/>
      <c r="F295" s="107"/>
      <c r="G295" s="109"/>
      <c r="H295" s="110"/>
    </row>
    <row r="296" spans="1:8" s="4" customFormat="1" ht="24.95" customHeight="1" x14ac:dyDescent="0.25">
      <c r="A296" s="44" t="s">
        <v>48</v>
      </c>
      <c r="B296" s="42" t="s">
        <v>406</v>
      </c>
      <c r="C296" s="112"/>
      <c r="D296" s="112"/>
      <c r="E296" s="46"/>
      <c r="F296" s="111"/>
      <c r="G296" s="109"/>
      <c r="H296" s="110"/>
    </row>
    <row r="297" spans="1:8" s="23" customFormat="1" ht="24.95" customHeight="1" x14ac:dyDescent="0.25">
      <c r="A297" s="49" t="s">
        <v>107</v>
      </c>
      <c r="B297" s="100" t="s">
        <v>274</v>
      </c>
      <c r="C297" s="101"/>
      <c r="D297" s="101"/>
      <c r="E297" s="101"/>
      <c r="F297" s="101"/>
      <c r="G297" s="101"/>
      <c r="H297" s="102"/>
    </row>
    <row r="298" spans="1:8" s="4" customFormat="1" ht="30.75" customHeight="1" x14ac:dyDescent="0.25">
      <c r="A298" s="44" t="s">
        <v>11</v>
      </c>
      <c r="B298" s="42" t="s">
        <v>514</v>
      </c>
      <c r="C298" s="103" t="s">
        <v>768</v>
      </c>
      <c r="D298" s="103"/>
      <c r="E298" s="46"/>
      <c r="F298" s="106"/>
      <c r="G298" s="109"/>
      <c r="H298" s="110"/>
    </row>
    <row r="299" spans="1:8" s="4" customFormat="1" ht="24.95" customHeight="1" x14ac:dyDescent="0.25">
      <c r="A299" s="44" t="s">
        <v>44</v>
      </c>
      <c r="B299" s="42" t="s">
        <v>515</v>
      </c>
      <c r="C299" s="104"/>
      <c r="D299" s="104"/>
      <c r="E299" s="46"/>
      <c r="F299" s="107"/>
      <c r="G299" s="109"/>
      <c r="H299" s="110"/>
    </row>
    <row r="300" spans="1:8" s="4" customFormat="1" ht="24.95" customHeight="1" x14ac:dyDescent="0.25">
      <c r="A300" s="44" t="s">
        <v>45</v>
      </c>
      <c r="B300" s="42" t="s">
        <v>406</v>
      </c>
      <c r="C300" s="112"/>
      <c r="D300" s="112"/>
      <c r="E300" s="46"/>
      <c r="F300" s="111"/>
      <c r="G300" s="109"/>
      <c r="H300" s="110"/>
    </row>
    <row r="301" spans="1:8" s="23" customFormat="1" ht="24.95" customHeight="1" x14ac:dyDescent="0.25">
      <c r="A301" s="49" t="s">
        <v>108</v>
      </c>
      <c r="B301" s="100" t="s">
        <v>275</v>
      </c>
      <c r="C301" s="101"/>
      <c r="D301" s="101"/>
      <c r="E301" s="101"/>
      <c r="F301" s="101"/>
      <c r="G301" s="101"/>
      <c r="H301" s="102"/>
    </row>
    <row r="302" spans="1:8" s="4" customFormat="1" ht="24.95" customHeight="1" x14ac:dyDescent="0.25">
      <c r="A302" s="44" t="s">
        <v>11</v>
      </c>
      <c r="B302" s="42" t="s">
        <v>516</v>
      </c>
      <c r="C302" s="103" t="s">
        <v>769</v>
      </c>
      <c r="D302" s="103"/>
      <c r="E302" s="46"/>
      <c r="F302" s="106"/>
      <c r="G302" s="109"/>
      <c r="H302" s="110"/>
    </row>
    <row r="303" spans="1:8" s="4" customFormat="1" ht="24.95" customHeight="1" x14ac:dyDescent="0.25">
      <c r="A303" s="44" t="s">
        <v>44</v>
      </c>
      <c r="B303" s="42" t="s">
        <v>517</v>
      </c>
      <c r="C303" s="104"/>
      <c r="D303" s="104"/>
      <c r="E303" s="46"/>
      <c r="F303" s="107"/>
      <c r="G303" s="109"/>
      <c r="H303" s="110"/>
    </row>
    <row r="304" spans="1:8" s="4" customFormat="1" ht="24.95" customHeight="1" x14ac:dyDescent="0.25">
      <c r="A304" s="44" t="s">
        <v>45</v>
      </c>
      <c r="B304" s="42" t="s">
        <v>518</v>
      </c>
      <c r="C304" s="104"/>
      <c r="D304" s="104"/>
      <c r="E304" s="46"/>
      <c r="F304" s="107"/>
      <c r="G304" s="109"/>
      <c r="H304" s="110"/>
    </row>
    <row r="305" spans="1:8" s="4" customFormat="1" ht="24.95" customHeight="1" x14ac:dyDescent="0.25">
      <c r="A305" s="44" t="s">
        <v>46</v>
      </c>
      <c r="B305" s="42" t="s">
        <v>519</v>
      </c>
      <c r="C305" s="104"/>
      <c r="D305" s="104"/>
      <c r="E305" s="46"/>
      <c r="F305" s="107"/>
      <c r="G305" s="109"/>
      <c r="H305" s="110"/>
    </row>
    <row r="306" spans="1:8" s="4" customFormat="1" ht="24.95" customHeight="1" x14ac:dyDescent="0.25">
      <c r="A306" s="44" t="s">
        <v>47</v>
      </c>
      <c r="B306" s="42" t="s">
        <v>520</v>
      </c>
      <c r="C306" s="104"/>
      <c r="D306" s="104"/>
      <c r="E306" s="46"/>
      <c r="F306" s="107"/>
      <c r="G306" s="109"/>
      <c r="H306" s="110"/>
    </row>
    <row r="307" spans="1:8" s="4" customFormat="1" ht="24.95" customHeight="1" x14ac:dyDescent="0.25">
      <c r="A307" s="44" t="s">
        <v>48</v>
      </c>
      <c r="B307" s="42" t="s">
        <v>406</v>
      </c>
      <c r="C307" s="112"/>
      <c r="D307" s="112"/>
      <c r="E307" s="46"/>
      <c r="F307" s="111"/>
      <c r="G307" s="109"/>
      <c r="H307" s="110"/>
    </row>
    <row r="308" spans="1:8" s="23" customFormat="1" ht="24.95" customHeight="1" x14ac:dyDescent="0.25">
      <c r="A308" s="49" t="s">
        <v>109</v>
      </c>
      <c r="B308" s="100" t="s">
        <v>276</v>
      </c>
      <c r="C308" s="101"/>
      <c r="D308" s="101"/>
      <c r="E308" s="101"/>
      <c r="F308" s="101"/>
      <c r="G308" s="101"/>
      <c r="H308" s="102"/>
    </row>
    <row r="309" spans="1:8" s="4" customFormat="1" ht="24.95" customHeight="1" x14ac:dyDescent="0.25">
      <c r="A309" s="44" t="s">
        <v>11</v>
      </c>
      <c r="B309" s="42" t="s">
        <v>521</v>
      </c>
      <c r="C309" s="103" t="s">
        <v>1013</v>
      </c>
      <c r="D309" s="103"/>
      <c r="E309" s="46"/>
      <c r="F309" s="106"/>
      <c r="G309" s="109"/>
      <c r="H309" s="110"/>
    </row>
    <row r="310" spans="1:8" s="4" customFormat="1" ht="24.95" customHeight="1" x14ac:dyDescent="0.25">
      <c r="A310" s="44" t="s">
        <v>44</v>
      </c>
      <c r="B310" s="42" t="s">
        <v>522</v>
      </c>
      <c r="C310" s="104"/>
      <c r="D310" s="104"/>
      <c r="E310" s="46"/>
      <c r="F310" s="107"/>
      <c r="G310" s="109"/>
      <c r="H310" s="110"/>
    </row>
    <row r="311" spans="1:8" s="4" customFormat="1" ht="24.95" customHeight="1" x14ac:dyDescent="0.25">
      <c r="A311" s="44" t="s">
        <v>45</v>
      </c>
      <c r="B311" s="42" t="s">
        <v>523</v>
      </c>
      <c r="C311" s="104"/>
      <c r="D311" s="104"/>
      <c r="E311" s="46"/>
      <c r="F311" s="107"/>
      <c r="G311" s="109"/>
      <c r="H311" s="110"/>
    </row>
    <row r="312" spans="1:8" s="4" customFormat="1" ht="24.95" customHeight="1" x14ac:dyDescent="0.25">
      <c r="A312" s="44" t="s">
        <v>46</v>
      </c>
      <c r="B312" s="42" t="s">
        <v>406</v>
      </c>
      <c r="C312" s="104"/>
      <c r="D312" s="104"/>
      <c r="E312" s="46"/>
      <c r="F312" s="111"/>
      <c r="G312" s="109"/>
      <c r="H312" s="110"/>
    </row>
    <row r="313" spans="1:8" s="23" customFormat="1" ht="24.95" customHeight="1" x14ac:dyDescent="0.25">
      <c r="A313" s="49" t="s">
        <v>110</v>
      </c>
      <c r="B313" s="100" t="s">
        <v>277</v>
      </c>
      <c r="C313" s="101"/>
      <c r="D313" s="101"/>
      <c r="E313" s="101"/>
      <c r="F313" s="101"/>
      <c r="G313" s="101"/>
      <c r="H313" s="102"/>
    </row>
    <row r="314" spans="1:8" s="4" customFormat="1" ht="24.95" customHeight="1" x14ac:dyDescent="0.25">
      <c r="A314" s="44" t="s">
        <v>11</v>
      </c>
      <c r="B314" s="42" t="s">
        <v>524</v>
      </c>
      <c r="C314" s="103" t="s">
        <v>753</v>
      </c>
      <c r="D314" s="103"/>
      <c r="E314" s="46"/>
      <c r="F314" s="106"/>
      <c r="G314" s="109"/>
      <c r="H314" s="110"/>
    </row>
    <row r="315" spans="1:8" s="4" customFormat="1" ht="24.95" customHeight="1" x14ac:dyDescent="0.25">
      <c r="A315" s="44" t="s">
        <v>44</v>
      </c>
      <c r="B315" s="42" t="s">
        <v>525</v>
      </c>
      <c r="C315" s="104"/>
      <c r="D315" s="104"/>
      <c r="E315" s="46"/>
      <c r="F315" s="107"/>
      <c r="G315" s="109"/>
      <c r="H315" s="110"/>
    </row>
    <row r="316" spans="1:8" s="4" customFormat="1" ht="24.95" customHeight="1" x14ac:dyDescent="0.25">
      <c r="A316" s="44" t="s">
        <v>45</v>
      </c>
      <c r="B316" s="42" t="s">
        <v>521</v>
      </c>
      <c r="C316" s="104"/>
      <c r="D316" s="104"/>
      <c r="E316" s="46"/>
      <c r="F316" s="107"/>
      <c r="G316" s="109"/>
      <c r="H316" s="110"/>
    </row>
    <row r="317" spans="1:8" s="4" customFormat="1" ht="24.95" customHeight="1" x14ac:dyDescent="0.25">
      <c r="A317" s="44" t="s">
        <v>46</v>
      </c>
      <c r="B317" s="42" t="s">
        <v>526</v>
      </c>
      <c r="C317" s="104"/>
      <c r="D317" s="104"/>
      <c r="E317" s="46"/>
      <c r="F317" s="107"/>
      <c r="G317" s="109"/>
      <c r="H317" s="110"/>
    </row>
    <row r="318" spans="1:8" s="4" customFormat="1" ht="24.95" customHeight="1" x14ac:dyDescent="0.25">
      <c r="A318" s="44" t="s">
        <v>47</v>
      </c>
      <c r="B318" s="42" t="s">
        <v>527</v>
      </c>
      <c r="C318" s="104"/>
      <c r="D318" s="104"/>
      <c r="E318" s="46"/>
      <c r="F318" s="107"/>
      <c r="G318" s="109"/>
      <c r="H318" s="110"/>
    </row>
    <row r="319" spans="1:8" s="4" customFormat="1" ht="24.95" customHeight="1" x14ac:dyDescent="0.25">
      <c r="A319" s="44" t="s">
        <v>48</v>
      </c>
      <c r="B319" s="42" t="s">
        <v>523</v>
      </c>
      <c r="C319" s="104"/>
      <c r="D319" s="104"/>
      <c r="E319" s="46"/>
      <c r="F319" s="107"/>
      <c r="G319" s="109"/>
      <c r="H319" s="110"/>
    </row>
    <row r="320" spans="1:8" s="4" customFormat="1" ht="24.95" customHeight="1" x14ac:dyDescent="0.25">
      <c r="A320" s="44" t="s">
        <v>49</v>
      </c>
      <c r="B320" s="42" t="s">
        <v>406</v>
      </c>
      <c r="C320" s="112"/>
      <c r="D320" s="112"/>
      <c r="E320" s="46"/>
      <c r="F320" s="111"/>
      <c r="G320" s="109"/>
      <c r="H320" s="110"/>
    </row>
    <row r="321" spans="1:8" s="23" customFormat="1" ht="24.95" customHeight="1" x14ac:dyDescent="0.25">
      <c r="A321" s="49" t="s">
        <v>111</v>
      </c>
      <c r="B321" s="100" t="s">
        <v>278</v>
      </c>
      <c r="C321" s="101"/>
      <c r="D321" s="101"/>
      <c r="E321" s="101"/>
      <c r="F321" s="101"/>
      <c r="G321" s="101"/>
      <c r="H321" s="102"/>
    </row>
    <row r="322" spans="1:8" s="4" customFormat="1" ht="24.95" customHeight="1" x14ac:dyDescent="0.25">
      <c r="A322" s="44" t="s">
        <v>11</v>
      </c>
      <c r="B322" s="42" t="s">
        <v>528</v>
      </c>
      <c r="C322" s="103" t="s">
        <v>753</v>
      </c>
      <c r="D322" s="103"/>
      <c r="E322" s="46"/>
      <c r="F322" s="106"/>
      <c r="G322" s="109"/>
      <c r="H322" s="110"/>
    </row>
    <row r="323" spans="1:8" s="4" customFormat="1" ht="24.95" customHeight="1" x14ac:dyDescent="0.25">
      <c r="A323" s="44" t="s">
        <v>44</v>
      </c>
      <c r="B323" s="42" t="s">
        <v>523</v>
      </c>
      <c r="C323" s="104"/>
      <c r="D323" s="104"/>
      <c r="E323" s="46"/>
      <c r="F323" s="107"/>
      <c r="G323" s="109"/>
      <c r="H323" s="110"/>
    </row>
    <row r="324" spans="1:8" s="4" customFormat="1" ht="24.95" customHeight="1" x14ac:dyDescent="0.25">
      <c r="A324" s="44" t="s">
        <v>45</v>
      </c>
      <c r="B324" s="42" t="s">
        <v>406</v>
      </c>
      <c r="C324" s="112"/>
      <c r="D324" s="112"/>
      <c r="E324" s="46"/>
      <c r="F324" s="111"/>
      <c r="G324" s="109"/>
      <c r="H324" s="110"/>
    </row>
    <row r="325" spans="1:8" s="23" customFormat="1" ht="24.95" customHeight="1" x14ac:dyDescent="0.25">
      <c r="A325" s="49" t="s">
        <v>112</v>
      </c>
      <c r="B325" s="100" t="s">
        <v>279</v>
      </c>
      <c r="C325" s="101"/>
      <c r="D325" s="101"/>
      <c r="E325" s="101"/>
      <c r="F325" s="101"/>
      <c r="G325" s="101"/>
      <c r="H325" s="102"/>
    </row>
    <row r="326" spans="1:8" s="4" customFormat="1" ht="24.95" customHeight="1" x14ac:dyDescent="0.25">
      <c r="A326" s="44" t="s">
        <v>11</v>
      </c>
      <c r="B326" s="42" t="s">
        <v>529</v>
      </c>
      <c r="C326" s="103" t="s">
        <v>753</v>
      </c>
      <c r="D326" s="103"/>
      <c r="E326" s="46"/>
      <c r="F326" s="106"/>
      <c r="G326" s="109"/>
      <c r="H326" s="110"/>
    </row>
    <row r="327" spans="1:8" s="4" customFormat="1" ht="24.95" customHeight="1" x14ac:dyDescent="0.25">
      <c r="A327" s="44" t="s">
        <v>44</v>
      </c>
      <c r="B327" s="42" t="s">
        <v>530</v>
      </c>
      <c r="C327" s="104"/>
      <c r="D327" s="104"/>
      <c r="E327" s="46"/>
      <c r="F327" s="107"/>
      <c r="G327" s="109"/>
      <c r="H327" s="110"/>
    </row>
    <row r="328" spans="1:8" s="4" customFormat="1" ht="24.95" customHeight="1" x14ac:dyDescent="0.25">
      <c r="A328" s="44" t="s">
        <v>45</v>
      </c>
      <c r="B328" s="42" t="s">
        <v>531</v>
      </c>
      <c r="C328" s="104"/>
      <c r="D328" s="104"/>
      <c r="E328" s="46"/>
      <c r="F328" s="107"/>
      <c r="G328" s="109"/>
      <c r="H328" s="110"/>
    </row>
    <row r="329" spans="1:8" s="4" customFormat="1" ht="24.95" customHeight="1" x14ac:dyDescent="0.25">
      <c r="A329" s="44" t="s">
        <v>46</v>
      </c>
      <c r="B329" s="42" t="s">
        <v>532</v>
      </c>
      <c r="C329" s="104"/>
      <c r="D329" s="104"/>
      <c r="E329" s="46"/>
      <c r="F329" s="107"/>
      <c r="G329" s="109"/>
      <c r="H329" s="110"/>
    </row>
    <row r="330" spans="1:8" s="4" customFormat="1" ht="24.95" customHeight="1" x14ac:dyDescent="0.25">
      <c r="A330" s="44" t="s">
        <v>47</v>
      </c>
      <c r="B330" s="42" t="s">
        <v>533</v>
      </c>
      <c r="C330" s="104"/>
      <c r="D330" s="104"/>
      <c r="E330" s="46"/>
      <c r="F330" s="107"/>
      <c r="G330" s="109"/>
      <c r="H330" s="110"/>
    </row>
    <row r="331" spans="1:8" s="4" customFormat="1" ht="24.95" customHeight="1" x14ac:dyDescent="0.25">
      <c r="A331" s="44" t="s">
        <v>48</v>
      </c>
      <c r="B331" s="42" t="s">
        <v>526</v>
      </c>
      <c r="C331" s="104"/>
      <c r="D331" s="104"/>
      <c r="E331" s="46"/>
      <c r="F331" s="107"/>
      <c r="G331" s="109"/>
      <c r="H331" s="110"/>
    </row>
    <row r="332" spans="1:8" s="4" customFormat="1" ht="24.95" customHeight="1" x14ac:dyDescent="0.25">
      <c r="A332" s="44" t="s">
        <v>49</v>
      </c>
      <c r="B332" s="42" t="s">
        <v>522</v>
      </c>
      <c r="C332" s="104"/>
      <c r="D332" s="104"/>
      <c r="E332" s="46"/>
      <c r="F332" s="107"/>
      <c r="G332" s="109"/>
      <c r="H332" s="110"/>
    </row>
    <row r="333" spans="1:8" s="4" customFormat="1" ht="24.95" customHeight="1" x14ac:dyDescent="0.25">
      <c r="A333" s="44" t="s">
        <v>50</v>
      </c>
      <c r="B333" s="42" t="s">
        <v>534</v>
      </c>
      <c r="C333" s="104"/>
      <c r="D333" s="104"/>
      <c r="E333" s="46"/>
      <c r="F333" s="107"/>
      <c r="G333" s="109"/>
      <c r="H333" s="110"/>
    </row>
    <row r="334" spans="1:8" s="4" customFormat="1" ht="24.95" customHeight="1" x14ac:dyDescent="0.25">
      <c r="A334" s="44" t="s">
        <v>51</v>
      </c>
      <c r="B334" s="42" t="s">
        <v>406</v>
      </c>
      <c r="C334" s="112"/>
      <c r="D334" s="112"/>
      <c r="E334" s="46"/>
      <c r="F334" s="111"/>
      <c r="G334" s="109"/>
      <c r="H334" s="110"/>
    </row>
    <row r="335" spans="1:8" s="23" customFormat="1" ht="24.95" customHeight="1" x14ac:dyDescent="0.25">
      <c r="A335" s="49" t="s">
        <v>113</v>
      </c>
      <c r="B335" s="100" t="s">
        <v>280</v>
      </c>
      <c r="C335" s="101"/>
      <c r="D335" s="101"/>
      <c r="E335" s="101"/>
      <c r="F335" s="101"/>
      <c r="G335" s="101"/>
      <c r="H335" s="102"/>
    </row>
    <row r="336" spans="1:8" s="4" customFormat="1" ht="24.95" customHeight="1" x14ac:dyDescent="0.25">
      <c r="A336" s="44" t="s">
        <v>11</v>
      </c>
      <c r="B336" s="42" t="s">
        <v>535</v>
      </c>
      <c r="C336" s="103" t="s">
        <v>753</v>
      </c>
      <c r="D336" s="103"/>
      <c r="E336" s="46"/>
      <c r="F336" s="106"/>
      <c r="G336" s="109"/>
      <c r="H336" s="110"/>
    </row>
    <row r="337" spans="1:8" s="4" customFormat="1" ht="24.95" customHeight="1" x14ac:dyDescent="0.25">
      <c r="A337" s="44" t="s">
        <v>44</v>
      </c>
      <c r="B337" s="42" t="s">
        <v>534</v>
      </c>
      <c r="C337" s="104"/>
      <c r="D337" s="104"/>
      <c r="E337" s="46"/>
      <c r="F337" s="107"/>
      <c r="G337" s="109"/>
      <c r="H337" s="110"/>
    </row>
    <row r="338" spans="1:8" s="4" customFormat="1" ht="24.95" customHeight="1" x14ac:dyDescent="0.25">
      <c r="A338" s="44" t="s">
        <v>45</v>
      </c>
      <c r="B338" s="42" t="s">
        <v>406</v>
      </c>
      <c r="C338" s="112"/>
      <c r="D338" s="112"/>
      <c r="E338" s="46"/>
      <c r="F338" s="111"/>
      <c r="G338" s="109"/>
      <c r="H338" s="110"/>
    </row>
    <row r="339" spans="1:8" s="23" customFormat="1" ht="24.95" customHeight="1" x14ac:dyDescent="0.25">
      <c r="A339" s="49" t="s">
        <v>114</v>
      </c>
      <c r="B339" s="100" t="s">
        <v>281</v>
      </c>
      <c r="C339" s="101"/>
      <c r="D339" s="101"/>
      <c r="E339" s="101"/>
      <c r="F339" s="101"/>
      <c r="G339" s="101"/>
      <c r="H339" s="102"/>
    </row>
    <row r="340" spans="1:8" s="4" customFormat="1" ht="24.95" customHeight="1" x14ac:dyDescent="0.25">
      <c r="A340" s="44" t="s">
        <v>11</v>
      </c>
      <c r="B340" s="42" t="s">
        <v>521</v>
      </c>
      <c r="C340" s="103" t="s">
        <v>770</v>
      </c>
      <c r="D340" s="103"/>
      <c r="E340" s="46"/>
      <c r="F340" s="106"/>
      <c r="G340" s="109"/>
      <c r="H340" s="110"/>
    </row>
    <row r="341" spans="1:8" s="4" customFormat="1" ht="24.95" customHeight="1" x14ac:dyDescent="0.25">
      <c r="A341" s="44" t="s">
        <v>44</v>
      </c>
      <c r="B341" s="42" t="s">
        <v>536</v>
      </c>
      <c r="C341" s="104"/>
      <c r="D341" s="104"/>
      <c r="E341" s="46"/>
      <c r="F341" s="107"/>
      <c r="G341" s="109"/>
      <c r="H341" s="110"/>
    </row>
    <row r="342" spans="1:8" s="4" customFormat="1" ht="24.95" customHeight="1" x14ac:dyDescent="0.25">
      <c r="A342" s="44" t="s">
        <v>45</v>
      </c>
      <c r="B342" s="42" t="s">
        <v>537</v>
      </c>
      <c r="C342" s="104"/>
      <c r="D342" s="104"/>
      <c r="E342" s="46"/>
      <c r="F342" s="107"/>
      <c r="G342" s="109"/>
      <c r="H342" s="110"/>
    </row>
    <row r="343" spans="1:8" s="4" customFormat="1" ht="24.95" customHeight="1" x14ac:dyDescent="0.25">
      <c r="A343" s="44" t="s">
        <v>46</v>
      </c>
      <c r="B343" s="42" t="s">
        <v>526</v>
      </c>
      <c r="C343" s="104"/>
      <c r="D343" s="104"/>
      <c r="E343" s="46"/>
      <c r="F343" s="107"/>
      <c r="G343" s="109"/>
      <c r="H343" s="110"/>
    </row>
    <row r="344" spans="1:8" s="4" customFormat="1" ht="24.95" customHeight="1" x14ac:dyDescent="0.25">
      <c r="A344" s="44" t="s">
        <v>47</v>
      </c>
      <c r="B344" s="42" t="s">
        <v>522</v>
      </c>
      <c r="C344" s="104"/>
      <c r="D344" s="104"/>
      <c r="E344" s="46"/>
      <c r="F344" s="107"/>
      <c r="G344" s="109"/>
      <c r="H344" s="110"/>
    </row>
    <row r="345" spans="1:8" s="4" customFormat="1" ht="24.95" customHeight="1" x14ac:dyDescent="0.25">
      <c r="A345" s="44" t="s">
        <v>48</v>
      </c>
      <c r="B345" s="42" t="s">
        <v>523</v>
      </c>
      <c r="C345" s="104"/>
      <c r="D345" s="104"/>
      <c r="E345" s="46"/>
      <c r="F345" s="107"/>
      <c r="G345" s="109"/>
      <c r="H345" s="110"/>
    </row>
    <row r="346" spans="1:8" s="4" customFormat="1" ht="24.95" customHeight="1" x14ac:dyDescent="0.25">
      <c r="A346" s="44" t="s">
        <v>49</v>
      </c>
      <c r="B346" s="42" t="s">
        <v>406</v>
      </c>
      <c r="C346" s="112"/>
      <c r="D346" s="112"/>
      <c r="E346" s="46"/>
      <c r="F346" s="111"/>
      <c r="G346" s="109"/>
      <c r="H346" s="110"/>
    </row>
    <row r="347" spans="1:8" s="23" customFormat="1" ht="24.95" customHeight="1" x14ac:dyDescent="0.25">
      <c r="A347" s="49" t="s">
        <v>115</v>
      </c>
      <c r="B347" s="100" t="s">
        <v>282</v>
      </c>
      <c r="C347" s="101"/>
      <c r="D347" s="101"/>
      <c r="E347" s="101"/>
      <c r="F347" s="101"/>
      <c r="G347" s="101"/>
      <c r="H347" s="102"/>
    </row>
    <row r="348" spans="1:8" s="4" customFormat="1" ht="24.95" customHeight="1" x14ac:dyDescent="0.25">
      <c r="A348" s="44" t="s">
        <v>11</v>
      </c>
      <c r="B348" s="42" t="s">
        <v>538</v>
      </c>
      <c r="C348" s="103" t="s">
        <v>753</v>
      </c>
      <c r="D348" s="103"/>
      <c r="E348" s="46"/>
      <c r="F348" s="106"/>
      <c r="G348" s="109"/>
      <c r="H348" s="110"/>
    </row>
    <row r="349" spans="1:8" s="4" customFormat="1" ht="24.95" customHeight="1" x14ac:dyDescent="0.25">
      <c r="A349" s="44" t="s">
        <v>44</v>
      </c>
      <c r="B349" s="42" t="s">
        <v>523</v>
      </c>
      <c r="C349" s="104"/>
      <c r="D349" s="104"/>
      <c r="E349" s="46"/>
      <c r="F349" s="107"/>
      <c r="G349" s="109"/>
      <c r="H349" s="110"/>
    </row>
    <row r="350" spans="1:8" s="4" customFormat="1" ht="24.95" customHeight="1" x14ac:dyDescent="0.25">
      <c r="A350" s="44" t="s">
        <v>45</v>
      </c>
      <c r="B350" s="42" t="s">
        <v>410</v>
      </c>
      <c r="C350" s="104"/>
      <c r="D350" s="104"/>
      <c r="E350" s="46"/>
      <c r="F350" s="107"/>
      <c r="G350" s="109"/>
      <c r="H350" s="110"/>
    </row>
    <row r="351" spans="1:8" s="4" customFormat="1" ht="24.95" customHeight="1" x14ac:dyDescent="0.25">
      <c r="A351" s="44" t="s">
        <v>46</v>
      </c>
      <c r="B351" s="42" t="s">
        <v>539</v>
      </c>
      <c r="C351" s="112"/>
      <c r="D351" s="112"/>
      <c r="E351" s="46"/>
      <c r="F351" s="111"/>
      <c r="G351" s="109"/>
      <c r="H351" s="110"/>
    </row>
    <row r="352" spans="1:8" s="23" customFormat="1" ht="24.95" customHeight="1" x14ac:dyDescent="0.25">
      <c r="A352" s="49" t="s">
        <v>116</v>
      </c>
      <c r="B352" s="100" t="s">
        <v>283</v>
      </c>
      <c r="C352" s="101"/>
      <c r="D352" s="101"/>
      <c r="E352" s="101"/>
      <c r="F352" s="101"/>
      <c r="G352" s="101"/>
      <c r="H352" s="102"/>
    </row>
    <row r="353" spans="1:8" s="4" customFormat="1" ht="24.95" customHeight="1" x14ac:dyDescent="0.25">
      <c r="A353" s="44" t="s">
        <v>11</v>
      </c>
      <c r="B353" s="42" t="s">
        <v>540</v>
      </c>
      <c r="C353" s="103" t="s">
        <v>771</v>
      </c>
      <c r="D353" s="103"/>
      <c r="E353" s="46"/>
      <c r="F353" s="106"/>
      <c r="G353" s="109"/>
      <c r="H353" s="110"/>
    </row>
    <row r="354" spans="1:8" s="4" customFormat="1" ht="24.95" customHeight="1" x14ac:dyDescent="0.25">
      <c r="A354" s="44" t="s">
        <v>44</v>
      </c>
      <c r="B354" s="42" t="s">
        <v>541</v>
      </c>
      <c r="C354" s="104"/>
      <c r="D354" s="104"/>
      <c r="E354" s="46"/>
      <c r="F354" s="107"/>
      <c r="G354" s="109"/>
      <c r="H354" s="110"/>
    </row>
    <row r="355" spans="1:8" s="4" customFormat="1" ht="24.95" customHeight="1" x14ac:dyDescent="0.25">
      <c r="A355" s="44" t="s">
        <v>45</v>
      </c>
      <c r="B355" s="42" t="s">
        <v>542</v>
      </c>
      <c r="C355" s="104"/>
      <c r="D355" s="104"/>
      <c r="E355" s="46"/>
      <c r="F355" s="107"/>
      <c r="G355" s="109"/>
      <c r="H355" s="110"/>
    </row>
    <row r="356" spans="1:8" s="4" customFormat="1" ht="24.95" customHeight="1" x14ac:dyDescent="0.25">
      <c r="A356" s="44" t="s">
        <v>46</v>
      </c>
      <c r="B356" s="42" t="s">
        <v>522</v>
      </c>
      <c r="C356" s="104"/>
      <c r="D356" s="104"/>
      <c r="E356" s="46"/>
      <c r="F356" s="107"/>
      <c r="G356" s="109"/>
      <c r="H356" s="110"/>
    </row>
    <row r="357" spans="1:8" s="4" customFormat="1" ht="33" customHeight="1" x14ac:dyDescent="0.25">
      <c r="A357" s="44" t="s">
        <v>47</v>
      </c>
      <c r="B357" s="42" t="s">
        <v>543</v>
      </c>
      <c r="C357" s="104"/>
      <c r="D357" s="104"/>
      <c r="E357" s="46"/>
      <c r="F357" s="107"/>
      <c r="G357" s="109"/>
      <c r="H357" s="110"/>
    </row>
    <row r="358" spans="1:8" s="4" customFormat="1" ht="24.95" customHeight="1" x14ac:dyDescent="0.25">
      <c r="A358" s="44" t="s">
        <v>48</v>
      </c>
      <c r="B358" s="42" t="s">
        <v>406</v>
      </c>
      <c r="C358" s="112"/>
      <c r="D358" s="112"/>
      <c r="E358" s="46"/>
      <c r="F358" s="111"/>
      <c r="G358" s="109"/>
      <c r="H358" s="110"/>
    </row>
    <row r="359" spans="1:8" s="23" customFormat="1" ht="24.95" customHeight="1" x14ac:dyDescent="0.25">
      <c r="A359" s="49" t="s">
        <v>117</v>
      </c>
      <c r="B359" s="100" t="s">
        <v>284</v>
      </c>
      <c r="C359" s="101"/>
      <c r="D359" s="101"/>
      <c r="E359" s="101"/>
      <c r="F359" s="101"/>
      <c r="G359" s="101"/>
      <c r="H359" s="102"/>
    </row>
    <row r="360" spans="1:8" s="4" customFormat="1" ht="29.25" customHeight="1" x14ac:dyDescent="0.25">
      <c r="A360" s="44" t="s">
        <v>11</v>
      </c>
      <c r="B360" s="42" t="s">
        <v>544</v>
      </c>
      <c r="C360" s="103" t="s">
        <v>772</v>
      </c>
      <c r="D360" s="103"/>
      <c r="E360" s="46"/>
      <c r="F360" s="106"/>
      <c r="G360" s="109"/>
      <c r="H360" s="110"/>
    </row>
    <row r="361" spans="1:8" s="4" customFormat="1" ht="24.95" customHeight="1" x14ac:dyDescent="0.25">
      <c r="A361" s="44" t="s">
        <v>44</v>
      </c>
      <c r="B361" s="42" t="s">
        <v>545</v>
      </c>
      <c r="C361" s="104"/>
      <c r="D361" s="104"/>
      <c r="E361" s="46"/>
      <c r="F361" s="107"/>
      <c r="G361" s="109"/>
      <c r="H361" s="110"/>
    </row>
    <row r="362" spans="1:8" s="4" customFormat="1" ht="24.95" customHeight="1" x14ac:dyDescent="0.25">
      <c r="A362" s="44" t="s">
        <v>45</v>
      </c>
      <c r="B362" s="42" t="s">
        <v>546</v>
      </c>
      <c r="C362" s="104"/>
      <c r="D362" s="104"/>
      <c r="E362" s="46"/>
      <c r="F362" s="107"/>
      <c r="G362" s="109"/>
      <c r="H362" s="110"/>
    </row>
    <row r="363" spans="1:8" s="4" customFormat="1" ht="24.95" customHeight="1" x14ac:dyDescent="0.25">
      <c r="A363" s="44" t="s">
        <v>46</v>
      </c>
      <c r="B363" s="42" t="s">
        <v>547</v>
      </c>
      <c r="C363" s="104"/>
      <c r="D363" s="104"/>
      <c r="E363" s="46"/>
      <c r="F363" s="107"/>
      <c r="G363" s="109"/>
      <c r="H363" s="110"/>
    </row>
    <row r="364" spans="1:8" s="4" customFormat="1" ht="24.95" customHeight="1" x14ac:dyDescent="0.25">
      <c r="A364" s="44" t="s">
        <v>47</v>
      </c>
      <c r="B364" s="42" t="s">
        <v>548</v>
      </c>
      <c r="C364" s="104"/>
      <c r="D364" s="104"/>
      <c r="E364" s="46"/>
      <c r="F364" s="107"/>
      <c r="G364" s="109"/>
      <c r="H364" s="110"/>
    </row>
    <row r="365" spans="1:8" s="4" customFormat="1" ht="24.95" customHeight="1" x14ac:dyDescent="0.25">
      <c r="A365" s="44" t="s">
        <v>48</v>
      </c>
      <c r="B365" s="42" t="s">
        <v>549</v>
      </c>
      <c r="C365" s="104"/>
      <c r="D365" s="104"/>
      <c r="E365" s="46"/>
      <c r="F365" s="107"/>
      <c r="G365" s="109"/>
      <c r="H365" s="110"/>
    </row>
    <row r="366" spans="1:8" s="4" customFormat="1" ht="24.95" customHeight="1" x14ac:dyDescent="0.25">
      <c r="A366" s="44" t="s">
        <v>49</v>
      </c>
      <c r="B366" s="42" t="s">
        <v>550</v>
      </c>
      <c r="C366" s="104"/>
      <c r="D366" s="104"/>
      <c r="E366" s="46"/>
      <c r="F366" s="107"/>
      <c r="G366" s="109"/>
      <c r="H366" s="110"/>
    </row>
    <row r="367" spans="1:8" s="4" customFormat="1" ht="24.95" customHeight="1" x14ac:dyDescent="0.25">
      <c r="A367" s="44" t="s">
        <v>50</v>
      </c>
      <c r="B367" s="42" t="s">
        <v>406</v>
      </c>
      <c r="C367" s="112"/>
      <c r="D367" s="112"/>
      <c r="E367" s="46"/>
      <c r="F367" s="111"/>
      <c r="G367" s="109"/>
      <c r="H367" s="110"/>
    </row>
    <row r="368" spans="1:8" s="23" customFormat="1" ht="24.95" customHeight="1" x14ac:dyDescent="0.25">
      <c r="A368" s="49" t="s">
        <v>118</v>
      </c>
      <c r="B368" s="100" t="s">
        <v>285</v>
      </c>
      <c r="C368" s="101"/>
      <c r="D368" s="101"/>
      <c r="E368" s="101"/>
      <c r="F368" s="101"/>
      <c r="G368" s="101"/>
      <c r="H368" s="102"/>
    </row>
    <row r="369" spans="1:8" s="23" customFormat="1" ht="24.95" customHeight="1" x14ac:dyDescent="0.25">
      <c r="A369" s="44" t="s">
        <v>11</v>
      </c>
      <c r="B369" s="42" t="s">
        <v>551</v>
      </c>
      <c r="C369" s="103" t="s">
        <v>773</v>
      </c>
      <c r="D369" s="103"/>
      <c r="E369" s="46"/>
      <c r="F369" s="106"/>
      <c r="G369" s="109"/>
      <c r="H369" s="110"/>
    </row>
    <row r="370" spans="1:8" s="23" customFormat="1" ht="24.95" customHeight="1" x14ac:dyDescent="0.25">
      <c r="A370" s="44" t="s">
        <v>44</v>
      </c>
      <c r="B370" s="42" t="s">
        <v>545</v>
      </c>
      <c r="C370" s="104"/>
      <c r="D370" s="104"/>
      <c r="E370" s="46"/>
      <c r="F370" s="107"/>
      <c r="G370" s="109"/>
      <c r="H370" s="110"/>
    </row>
    <row r="371" spans="1:8" s="23" customFormat="1" ht="24.95" customHeight="1" x14ac:dyDescent="0.25">
      <c r="A371" s="44" t="s">
        <v>45</v>
      </c>
      <c r="B371" s="42" t="s">
        <v>546</v>
      </c>
      <c r="C371" s="104"/>
      <c r="D371" s="104"/>
      <c r="E371" s="46"/>
      <c r="F371" s="107"/>
      <c r="G371" s="109"/>
      <c r="H371" s="110"/>
    </row>
    <row r="372" spans="1:8" s="23" customFormat="1" ht="24.95" customHeight="1" x14ac:dyDescent="0.25">
      <c r="A372" s="44" t="s">
        <v>46</v>
      </c>
      <c r="B372" s="42" t="s">
        <v>552</v>
      </c>
      <c r="C372" s="104"/>
      <c r="D372" s="104"/>
      <c r="E372" s="46"/>
      <c r="F372" s="107"/>
      <c r="G372" s="109"/>
      <c r="H372" s="110"/>
    </row>
    <row r="373" spans="1:8" s="23" customFormat="1" ht="24.95" customHeight="1" x14ac:dyDescent="0.25">
      <c r="A373" s="44" t="s">
        <v>47</v>
      </c>
      <c r="B373" s="42" t="s">
        <v>553</v>
      </c>
      <c r="C373" s="104"/>
      <c r="D373" s="104"/>
      <c r="E373" s="46"/>
      <c r="F373" s="107"/>
      <c r="G373" s="109"/>
      <c r="H373" s="110"/>
    </row>
    <row r="374" spans="1:8" s="23" customFormat="1" ht="24.95" customHeight="1" x14ac:dyDescent="0.25">
      <c r="A374" s="44" t="s">
        <v>48</v>
      </c>
      <c r="B374" s="42" t="s">
        <v>554</v>
      </c>
      <c r="C374" s="104"/>
      <c r="D374" s="104"/>
      <c r="E374" s="46"/>
      <c r="F374" s="107"/>
      <c r="G374" s="109"/>
      <c r="H374" s="110"/>
    </row>
    <row r="375" spans="1:8" s="23" customFormat="1" ht="24.95" customHeight="1" x14ac:dyDescent="0.25">
      <c r="A375" s="44" t="s">
        <v>49</v>
      </c>
      <c r="B375" s="42" t="s">
        <v>555</v>
      </c>
      <c r="C375" s="104"/>
      <c r="D375" s="104"/>
      <c r="E375" s="46"/>
      <c r="F375" s="107"/>
      <c r="G375" s="109"/>
      <c r="H375" s="110"/>
    </row>
    <row r="376" spans="1:8" s="23" customFormat="1" ht="30.75" customHeight="1" x14ac:dyDescent="0.25">
      <c r="A376" s="44" t="s">
        <v>50</v>
      </c>
      <c r="B376" s="42" t="s">
        <v>543</v>
      </c>
      <c r="C376" s="104"/>
      <c r="D376" s="104"/>
      <c r="E376" s="46"/>
      <c r="F376" s="107"/>
      <c r="G376" s="109"/>
      <c r="H376" s="110"/>
    </row>
    <row r="377" spans="1:8" s="23" customFormat="1" ht="24.95" customHeight="1" x14ac:dyDescent="0.25">
      <c r="A377" s="44" t="s">
        <v>51</v>
      </c>
      <c r="B377" s="42" t="s">
        <v>406</v>
      </c>
      <c r="C377" s="112"/>
      <c r="D377" s="112"/>
      <c r="E377" s="46"/>
      <c r="F377" s="111"/>
      <c r="G377" s="109"/>
      <c r="H377" s="110"/>
    </row>
    <row r="378" spans="1:8" s="23" customFormat="1" ht="24.95" customHeight="1" x14ac:dyDescent="0.25">
      <c r="A378" s="49" t="s">
        <v>119</v>
      </c>
      <c r="B378" s="100" t="s">
        <v>286</v>
      </c>
      <c r="C378" s="101"/>
      <c r="D378" s="101"/>
      <c r="E378" s="101"/>
      <c r="F378" s="101"/>
      <c r="G378" s="101"/>
      <c r="H378" s="102"/>
    </row>
    <row r="379" spans="1:8" s="23" customFormat="1" ht="27.75" customHeight="1" x14ac:dyDescent="0.25">
      <c r="A379" s="44" t="s">
        <v>11</v>
      </c>
      <c r="B379" s="42" t="s">
        <v>556</v>
      </c>
      <c r="C379" s="103" t="s">
        <v>774</v>
      </c>
      <c r="D379" s="103"/>
      <c r="E379" s="46"/>
      <c r="F379" s="106"/>
      <c r="G379" s="109"/>
      <c r="H379" s="110"/>
    </row>
    <row r="380" spans="1:8" s="23" customFormat="1" ht="24.95" customHeight="1" x14ac:dyDescent="0.25">
      <c r="A380" s="44" t="s">
        <v>44</v>
      </c>
      <c r="B380" s="42" t="s">
        <v>545</v>
      </c>
      <c r="C380" s="104"/>
      <c r="D380" s="104"/>
      <c r="E380" s="46"/>
      <c r="F380" s="107"/>
      <c r="G380" s="109"/>
      <c r="H380" s="110"/>
    </row>
    <row r="381" spans="1:8" s="23" customFormat="1" ht="24.95" customHeight="1" x14ac:dyDescent="0.25">
      <c r="A381" s="44" t="s">
        <v>45</v>
      </c>
      <c r="B381" s="42" t="s">
        <v>557</v>
      </c>
      <c r="C381" s="104"/>
      <c r="D381" s="104"/>
      <c r="E381" s="46"/>
      <c r="F381" s="107"/>
      <c r="G381" s="109"/>
      <c r="H381" s="110"/>
    </row>
    <row r="382" spans="1:8" s="23" customFormat="1" ht="24.95" customHeight="1" x14ac:dyDescent="0.25">
      <c r="A382" s="44" t="s">
        <v>46</v>
      </c>
      <c r="B382" s="42" t="s">
        <v>558</v>
      </c>
      <c r="C382" s="104"/>
      <c r="D382" s="104"/>
      <c r="E382" s="46"/>
      <c r="F382" s="107"/>
      <c r="G382" s="109"/>
      <c r="H382" s="110"/>
    </row>
    <row r="383" spans="1:8" s="23" customFormat="1" ht="24.95" customHeight="1" x14ac:dyDescent="0.25">
      <c r="A383" s="44" t="s">
        <v>47</v>
      </c>
      <c r="B383" s="42" t="s">
        <v>559</v>
      </c>
      <c r="C383" s="104"/>
      <c r="D383" s="104"/>
      <c r="E383" s="46"/>
      <c r="F383" s="107"/>
      <c r="G383" s="109"/>
      <c r="H383" s="110"/>
    </row>
    <row r="384" spans="1:8" s="23" customFormat="1" ht="24.95" customHeight="1" x14ac:dyDescent="0.25">
      <c r="A384" s="44" t="s">
        <v>48</v>
      </c>
      <c r="B384" s="42" t="s">
        <v>560</v>
      </c>
      <c r="C384" s="104"/>
      <c r="D384" s="104"/>
      <c r="E384" s="46"/>
      <c r="F384" s="107"/>
      <c r="G384" s="109"/>
      <c r="H384" s="110"/>
    </row>
    <row r="385" spans="1:8" s="23" customFormat="1" ht="24.95" customHeight="1" x14ac:dyDescent="0.25">
      <c r="A385" s="44" t="s">
        <v>49</v>
      </c>
      <c r="B385" s="42" t="s">
        <v>561</v>
      </c>
      <c r="C385" s="104"/>
      <c r="D385" s="104"/>
      <c r="E385" s="46"/>
      <c r="F385" s="107"/>
      <c r="G385" s="109"/>
      <c r="H385" s="110"/>
    </row>
    <row r="386" spans="1:8" s="23" customFormat="1" ht="24.95" customHeight="1" x14ac:dyDescent="0.25">
      <c r="A386" s="44" t="s">
        <v>50</v>
      </c>
      <c r="B386" s="42" t="s">
        <v>406</v>
      </c>
      <c r="C386" s="112"/>
      <c r="D386" s="112"/>
      <c r="E386" s="46"/>
      <c r="F386" s="111"/>
      <c r="G386" s="109"/>
      <c r="H386" s="110"/>
    </row>
    <row r="387" spans="1:8" s="23" customFormat="1" ht="24.95" customHeight="1" x14ac:dyDescent="0.25">
      <c r="A387" s="49" t="s">
        <v>120</v>
      </c>
      <c r="B387" s="100" t="s">
        <v>287</v>
      </c>
      <c r="C387" s="101"/>
      <c r="D387" s="101"/>
      <c r="E387" s="101"/>
      <c r="F387" s="101"/>
      <c r="G387" s="101"/>
      <c r="H387" s="102"/>
    </row>
    <row r="388" spans="1:8" s="23" customFormat="1" ht="27.75" customHeight="1" x14ac:dyDescent="0.25">
      <c r="A388" s="44" t="s">
        <v>11</v>
      </c>
      <c r="B388" s="42" t="s">
        <v>562</v>
      </c>
      <c r="C388" s="103" t="s">
        <v>775</v>
      </c>
      <c r="D388" s="103"/>
      <c r="E388" s="46"/>
      <c r="F388" s="106"/>
      <c r="G388" s="109"/>
      <c r="H388" s="110"/>
    </row>
    <row r="389" spans="1:8" s="23" customFormat="1" ht="24.95" customHeight="1" x14ac:dyDescent="0.25">
      <c r="A389" s="44" t="s">
        <v>44</v>
      </c>
      <c r="B389" s="42" t="s">
        <v>545</v>
      </c>
      <c r="C389" s="104"/>
      <c r="D389" s="104"/>
      <c r="E389" s="46"/>
      <c r="F389" s="107"/>
      <c r="G389" s="109"/>
      <c r="H389" s="110"/>
    </row>
    <row r="390" spans="1:8" s="23" customFormat="1" ht="24.95" customHeight="1" x14ac:dyDescent="0.25">
      <c r="A390" s="44" t="s">
        <v>45</v>
      </c>
      <c r="B390" s="42" t="s">
        <v>563</v>
      </c>
      <c r="C390" s="104"/>
      <c r="D390" s="104"/>
      <c r="E390" s="46"/>
      <c r="F390" s="107"/>
      <c r="G390" s="109"/>
      <c r="H390" s="110"/>
    </row>
    <row r="391" spans="1:8" s="23" customFormat="1" ht="24.95" customHeight="1" x14ac:dyDescent="0.25">
      <c r="A391" s="44" t="s">
        <v>46</v>
      </c>
      <c r="B391" s="42" t="s">
        <v>564</v>
      </c>
      <c r="C391" s="104"/>
      <c r="D391" s="104"/>
      <c r="E391" s="46"/>
      <c r="F391" s="107"/>
      <c r="G391" s="109"/>
      <c r="H391" s="110"/>
    </row>
    <row r="392" spans="1:8" s="23" customFormat="1" ht="24.95" customHeight="1" x14ac:dyDescent="0.25">
      <c r="A392" s="44" t="s">
        <v>47</v>
      </c>
      <c r="B392" s="42" t="s">
        <v>565</v>
      </c>
      <c r="C392" s="104"/>
      <c r="D392" s="104"/>
      <c r="E392" s="46"/>
      <c r="F392" s="107"/>
      <c r="G392" s="109"/>
      <c r="H392" s="110"/>
    </row>
    <row r="393" spans="1:8" s="23" customFormat="1" ht="24.95" customHeight="1" x14ac:dyDescent="0.25">
      <c r="A393" s="44" t="s">
        <v>48</v>
      </c>
      <c r="B393" s="42" t="s">
        <v>566</v>
      </c>
      <c r="C393" s="104"/>
      <c r="D393" s="104"/>
      <c r="E393" s="46"/>
      <c r="F393" s="107"/>
      <c r="G393" s="109"/>
      <c r="H393" s="110"/>
    </row>
    <row r="394" spans="1:8" s="23" customFormat="1" ht="24.95" customHeight="1" x14ac:dyDescent="0.25">
      <c r="A394" s="44" t="s">
        <v>49</v>
      </c>
      <c r="B394" s="42" t="s">
        <v>567</v>
      </c>
      <c r="C394" s="104"/>
      <c r="D394" s="104"/>
      <c r="E394" s="46"/>
      <c r="F394" s="107"/>
      <c r="G394" s="109"/>
      <c r="H394" s="110"/>
    </row>
    <row r="395" spans="1:8" s="23" customFormat="1" ht="24.95" customHeight="1" x14ac:dyDescent="0.25">
      <c r="A395" s="44" t="s">
        <v>50</v>
      </c>
      <c r="B395" s="42" t="s">
        <v>568</v>
      </c>
      <c r="C395" s="104"/>
      <c r="D395" s="104"/>
      <c r="E395" s="46"/>
      <c r="F395" s="107"/>
      <c r="G395" s="109"/>
      <c r="H395" s="110"/>
    </row>
    <row r="396" spans="1:8" s="23" customFormat="1" ht="32.25" customHeight="1" x14ac:dyDescent="0.25">
      <c r="A396" s="44" t="s">
        <v>51</v>
      </c>
      <c r="B396" s="42" t="s">
        <v>543</v>
      </c>
      <c r="C396" s="104"/>
      <c r="D396" s="104"/>
      <c r="E396" s="46"/>
      <c r="F396" s="107"/>
      <c r="G396" s="109"/>
      <c r="H396" s="110"/>
    </row>
    <row r="397" spans="1:8" s="23" customFormat="1" ht="24.95" customHeight="1" x14ac:dyDescent="0.25">
      <c r="A397" s="44" t="s">
        <v>52</v>
      </c>
      <c r="B397" s="42" t="s">
        <v>406</v>
      </c>
      <c r="C397" s="112"/>
      <c r="D397" s="112"/>
      <c r="E397" s="46"/>
      <c r="F397" s="111"/>
      <c r="G397" s="109"/>
      <c r="H397" s="110"/>
    </row>
    <row r="398" spans="1:8" s="23" customFormat="1" ht="24.95" customHeight="1" x14ac:dyDescent="0.25">
      <c r="A398" s="49" t="s">
        <v>121</v>
      </c>
      <c r="B398" s="100" t="s">
        <v>288</v>
      </c>
      <c r="C398" s="101"/>
      <c r="D398" s="101"/>
      <c r="E398" s="101"/>
      <c r="F398" s="101"/>
      <c r="G398" s="101"/>
      <c r="H398" s="102"/>
    </row>
    <row r="399" spans="1:8" s="23" customFormat="1" ht="24.95" customHeight="1" x14ac:dyDescent="0.25">
      <c r="A399" s="44" t="s">
        <v>11</v>
      </c>
      <c r="B399" s="42" t="s">
        <v>575</v>
      </c>
      <c r="C399" s="103" t="s">
        <v>776</v>
      </c>
      <c r="D399" s="103"/>
      <c r="E399" s="46"/>
      <c r="F399" s="106"/>
      <c r="G399" s="109"/>
      <c r="H399" s="110"/>
    </row>
    <row r="400" spans="1:8" s="23" customFormat="1" ht="24.95" customHeight="1" x14ac:dyDescent="0.25">
      <c r="A400" s="44" t="s">
        <v>44</v>
      </c>
      <c r="B400" s="42" t="s">
        <v>576</v>
      </c>
      <c r="C400" s="104"/>
      <c r="D400" s="104"/>
      <c r="E400" s="46"/>
      <c r="F400" s="107"/>
      <c r="G400" s="109"/>
      <c r="H400" s="110"/>
    </row>
    <row r="401" spans="1:8" s="23" customFormat="1" ht="24.95" customHeight="1" x14ac:dyDescent="0.25">
      <c r="A401" s="44" t="s">
        <v>45</v>
      </c>
      <c r="B401" s="42" t="s">
        <v>557</v>
      </c>
      <c r="C401" s="104"/>
      <c r="D401" s="104"/>
      <c r="E401" s="46"/>
      <c r="F401" s="107"/>
      <c r="G401" s="109"/>
      <c r="H401" s="110"/>
    </row>
    <row r="402" spans="1:8" s="23" customFormat="1" ht="24.95" customHeight="1" x14ac:dyDescent="0.25">
      <c r="A402" s="44" t="s">
        <v>46</v>
      </c>
      <c r="B402" s="42" t="s">
        <v>558</v>
      </c>
      <c r="C402" s="104"/>
      <c r="D402" s="104"/>
      <c r="E402" s="46"/>
      <c r="F402" s="107"/>
      <c r="G402" s="109"/>
      <c r="H402" s="110"/>
    </row>
    <row r="403" spans="1:8" s="23" customFormat="1" ht="24.95" customHeight="1" x14ac:dyDescent="0.25">
      <c r="A403" s="44" t="s">
        <v>47</v>
      </c>
      <c r="B403" s="42" t="s">
        <v>549</v>
      </c>
      <c r="C403" s="104"/>
      <c r="D403" s="104"/>
      <c r="E403" s="46"/>
      <c r="F403" s="107"/>
      <c r="G403" s="109"/>
      <c r="H403" s="110"/>
    </row>
    <row r="404" spans="1:8" s="23" customFormat="1" ht="24.95" customHeight="1" x14ac:dyDescent="0.25">
      <c r="A404" s="44" t="s">
        <v>48</v>
      </c>
      <c r="B404" s="42" t="s">
        <v>577</v>
      </c>
      <c r="C404" s="104"/>
      <c r="D404" s="104"/>
      <c r="E404" s="46"/>
      <c r="F404" s="107"/>
      <c r="G404" s="109"/>
      <c r="H404" s="110"/>
    </row>
    <row r="405" spans="1:8" s="23" customFormat="1" ht="24.95" customHeight="1" x14ac:dyDescent="0.25">
      <c r="A405" s="44" t="s">
        <v>49</v>
      </c>
      <c r="B405" s="42" t="s">
        <v>406</v>
      </c>
      <c r="C405" s="112"/>
      <c r="D405" s="112"/>
      <c r="E405" s="46"/>
      <c r="F405" s="111"/>
      <c r="G405" s="109"/>
      <c r="H405" s="110"/>
    </row>
    <row r="406" spans="1:8" s="23" customFormat="1" ht="24.95" customHeight="1" x14ac:dyDescent="0.25">
      <c r="A406" s="49" t="s">
        <v>122</v>
      </c>
      <c r="B406" s="100" t="s">
        <v>289</v>
      </c>
      <c r="C406" s="101"/>
      <c r="D406" s="101"/>
      <c r="E406" s="101"/>
      <c r="F406" s="101"/>
      <c r="G406" s="101"/>
      <c r="H406" s="102"/>
    </row>
    <row r="407" spans="1:8" s="23" customFormat="1" ht="24.95" customHeight="1" x14ac:dyDescent="0.25">
      <c r="A407" s="44" t="s">
        <v>11</v>
      </c>
      <c r="B407" s="42" t="s">
        <v>578</v>
      </c>
      <c r="C407" s="103" t="s">
        <v>777</v>
      </c>
      <c r="D407" s="103"/>
      <c r="E407" s="46"/>
      <c r="F407" s="106"/>
      <c r="G407" s="109"/>
      <c r="H407" s="110"/>
    </row>
    <row r="408" spans="1:8" s="23" customFormat="1" ht="24.95" customHeight="1" x14ac:dyDescent="0.25">
      <c r="A408" s="44" t="s">
        <v>44</v>
      </c>
      <c r="B408" s="42" t="s">
        <v>567</v>
      </c>
      <c r="C408" s="104"/>
      <c r="D408" s="104"/>
      <c r="E408" s="46"/>
      <c r="F408" s="107"/>
      <c r="G408" s="109"/>
      <c r="H408" s="110"/>
    </row>
    <row r="409" spans="1:8" s="23" customFormat="1" ht="24.95" customHeight="1" x14ac:dyDescent="0.25">
      <c r="A409" s="44" t="s">
        <v>45</v>
      </c>
      <c r="B409" s="42" t="s">
        <v>549</v>
      </c>
      <c r="C409" s="104"/>
      <c r="D409" s="104"/>
      <c r="E409" s="46"/>
      <c r="F409" s="107"/>
      <c r="G409" s="109"/>
      <c r="H409" s="110"/>
    </row>
    <row r="410" spans="1:8" s="23" customFormat="1" ht="24.95" customHeight="1" x14ac:dyDescent="0.25">
      <c r="A410" s="44" t="s">
        <v>46</v>
      </c>
      <c r="B410" s="42" t="s">
        <v>577</v>
      </c>
      <c r="C410" s="104"/>
      <c r="D410" s="104"/>
      <c r="E410" s="46"/>
      <c r="F410" s="107"/>
      <c r="G410" s="109"/>
      <c r="H410" s="110"/>
    </row>
    <row r="411" spans="1:8" s="23" customFormat="1" ht="24.95" customHeight="1" x14ac:dyDescent="0.25">
      <c r="A411" s="44" t="s">
        <v>47</v>
      </c>
      <c r="B411" s="42" t="s">
        <v>406</v>
      </c>
      <c r="C411" s="112"/>
      <c r="D411" s="112"/>
      <c r="E411" s="46"/>
      <c r="F411" s="111"/>
      <c r="G411" s="109"/>
      <c r="H411" s="110"/>
    </row>
    <row r="412" spans="1:8" s="23" customFormat="1" ht="24.95" customHeight="1" x14ac:dyDescent="0.25">
      <c r="A412" s="49" t="s">
        <v>123</v>
      </c>
      <c r="B412" s="100" t="s">
        <v>290</v>
      </c>
      <c r="C412" s="101"/>
      <c r="D412" s="101"/>
      <c r="E412" s="101"/>
      <c r="F412" s="101"/>
      <c r="G412" s="101"/>
      <c r="H412" s="102"/>
    </row>
    <row r="413" spans="1:8" s="23" customFormat="1" ht="24.95" customHeight="1" x14ac:dyDescent="0.25">
      <c r="A413" s="44" t="s">
        <v>11</v>
      </c>
      <c r="B413" s="42" t="s">
        <v>579</v>
      </c>
      <c r="C413" s="103" t="s">
        <v>778</v>
      </c>
      <c r="D413" s="103"/>
      <c r="E413" s="46"/>
      <c r="F413" s="106"/>
      <c r="G413" s="109"/>
      <c r="H413" s="110"/>
    </row>
    <row r="414" spans="1:8" s="23" customFormat="1" ht="24.95" customHeight="1" x14ac:dyDescent="0.25">
      <c r="A414" s="44" t="s">
        <v>44</v>
      </c>
      <c r="B414" s="42" t="s">
        <v>580</v>
      </c>
      <c r="C414" s="104"/>
      <c r="D414" s="104"/>
      <c r="E414" s="46"/>
      <c r="F414" s="107"/>
      <c r="G414" s="109"/>
      <c r="H414" s="110"/>
    </row>
    <row r="415" spans="1:8" s="23" customFormat="1" ht="24.95" customHeight="1" x14ac:dyDescent="0.25">
      <c r="A415" s="44" t="s">
        <v>45</v>
      </c>
      <c r="B415" s="42" t="s">
        <v>581</v>
      </c>
      <c r="C415" s="104"/>
      <c r="D415" s="104"/>
      <c r="E415" s="46"/>
      <c r="F415" s="107"/>
      <c r="G415" s="109"/>
      <c r="H415" s="110"/>
    </row>
    <row r="416" spans="1:8" s="23" customFormat="1" ht="24.95" customHeight="1" x14ac:dyDescent="0.25">
      <c r="A416" s="44" t="s">
        <v>46</v>
      </c>
      <c r="B416" s="42" t="s">
        <v>582</v>
      </c>
      <c r="C416" s="104"/>
      <c r="D416" s="104"/>
      <c r="E416" s="46"/>
      <c r="F416" s="107"/>
      <c r="G416" s="109"/>
      <c r="H416" s="110"/>
    </row>
    <row r="417" spans="1:8" s="23" customFormat="1" ht="33" customHeight="1" x14ac:dyDescent="0.25">
      <c r="A417" s="44" t="s">
        <v>47</v>
      </c>
      <c r="B417" s="42" t="s">
        <v>583</v>
      </c>
      <c r="C417" s="104"/>
      <c r="D417" s="104"/>
      <c r="E417" s="46"/>
      <c r="F417" s="107"/>
      <c r="G417" s="109"/>
      <c r="H417" s="110"/>
    </row>
    <row r="418" spans="1:8" s="23" customFormat="1" ht="24.95" customHeight="1" x14ac:dyDescent="0.25">
      <c r="A418" s="44" t="s">
        <v>48</v>
      </c>
      <c r="B418" s="42" t="s">
        <v>406</v>
      </c>
      <c r="C418" s="112"/>
      <c r="D418" s="112"/>
      <c r="E418" s="46"/>
      <c r="F418" s="111"/>
      <c r="G418" s="109"/>
      <c r="H418" s="110"/>
    </row>
    <row r="419" spans="1:8" s="23" customFormat="1" ht="24.95" customHeight="1" x14ac:dyDescent="0.25">
      <c r="A419" s="49" t="s">
        <v>124</v>
      </c>
      <c r="B419" s="100" t="s">
        <v>291</v>
      </c>
      <c r="C419" s="101"/>
      <c r="D419" s="101"/>
      <c r="E419" s="101"/>
      <c r="F419" s="101"/>
      <c r="G419" s="101"/>
      <c r="H419" s="102"/>
    </row>
    <row r="420" spans="1:8" s="23" customFormat="1" ht="24.95" customHeight="1" x14ac:dyDescent="0.25">
      <c r="A420" s="44" t="s">
        <v>11</v>
      </c>
      <c r="B420" s="42" t="s">
        <v>584</v>
      </c>
      <c r="C420" s="103" t="s">
        <v>753</v>
      </c>
      <c r="D420" s="103"/>
      <c r="E420" s="46"/>
      <c r="F420" s="106"/>
      <c r="G420" s="109"/>
      <c r="H420" s="110"/>
    </row>
    <row r="421" spans="1:8" s="23" customFormat="1" ht="24.95" customHeight="1" x14ac:dyDescent="0.25">
      <c r="A421" s="44" t="s">
        <v>44</v>
      </c>
      <c r="B421" s="42" t="s">
        <v>585</v>
      </c>
      <c r="C421" s="104"/>
      <c r="D421" s="104"/>
      <c r="E421" s="46"/>
      <c r="F421" s="107"/>
      <c r="G421" s="109"/>
      <c r="H421" s="110"/>
    </row>
    <row r="422" spans="1:8" s="23" customFormat="1" ht="24.95" customHeight="1" x14ac:dyDescent="0.25">
      <c r="A422" s="44" t="s">
        <v>45</v>
      </c>
      <c r="B422" s="42" t="s">
        <v>586</v>
      </c>
      <c r="C422" s="104"/>
      <c r="D422" s="104"/>
      <c r="E422" s="46"/>
      <c r="F422" s="107"/>
      <c r="G422" s="109"/>
      <c r="H422" s="110"/>
    </row>
    <row r="423" spans="1:8" s="23" customFormat="1" ht="24.95" customHeight="1" x14ac:dyDescent="0.25">
      <c r="A423" s="44" t="s">
        <v>46</v>
      </c>
      <c r="B423" s="42" t="s">
        <v>587</v>
      </c>
      <c r="C423" s="104"/>
      <c r="D423" s="104"/>
      <c r="E423" s="46"/>
      <c r="F423" s="107"/>
      <c r="G423" s="109"/>
      <c r="H423" s="110"/>
    </row>
    <row r="424" spans="1:8" s="23" customFormat="1" ht="24.95" customHeight="1" x14ac:dyDescent="0.25">
      <c r="A424" s="44" t="s">
        <v>47</v>
      </c>
      <c r="B424" s="42" t="s">
        <v>406</v>
      </c>
      <c r="C424" s="112"/>
      <c r="D424" s="112"/>
      <c r="E424" s="46"/>
      <c r="F424" s="111"/>
      <c r="G424" s="109"/>
      <c r="H424" s="110"/>
    </row>
    <row r="425" spans="1:8" s="23" customFormat="1" ht="24.95" customHeight="1" x14ac:dyDescent="0.25">
      <c r="A425" s="49" t="s">
        <v>125</v>
      </c>
      <c r="B425" s="100" t="s">
        <v>292</v>
      </c>
      <c r="C425" s="101"/>
      <c r="D425" s="101"/>
      <c r="E425" s="101"/>
      <c r="F425" s="101"/>
      <c r="G425" s="101"/>
      <c r="H425" s="102"/>
    </row>
    <row r="426" spans="1:8" s="23" customFormat="1" ht="24.95" customHeight="1" x14ac:dyDescent="0.25">
      <c r="A426" s="44" t="s">
        <v>11</v>
      </c>
      <c r="B426" s="42" t="s">
        <v>588</v>
      </c>
      <c r="C426" s="103" t="s">
        <v>779</v>
      </c>
      <c r="D426" s="103"/>
      <c r="E426" s="46"/>
      <c r="F426" s="106"/>
      <c r="G426" s="109"/>
      <c r="H426" s="110"/>
    </row>
    <row r="427" spans="1:8" s="23" customFormat="1" ht="24.95" customHeight="1" x14ac:dyDescent="0.25">
      <c r="A427" s="44" t="s">
        <v>44</v>
      </c>
      <c r="B427" s="42" t="s">
        <v>589</v>
      </c>
      <c r="C427" s="104"/>
      <c r="D427" s="104"/>
      <c r="E427" s="46"/>
      <c r="F427" s="107"/>
      <c r="G427" s="109"/>
      <c r="H427" s="110"/>
    </row>
    <row r="428" spans="1:8" s="23" customFormat="1" ht="24.95" customHeight="1" x14ac:dyDescent="0.25">
      <c r="A428" s="44" t="s">
        <v>45</v>
      </c>
      <c r="B428" s="42" t="s">
        <v>406</v>
      </c>
      <c r="C428" s="112"/>
      <c r="D428" s="112"/>
      <c r="E428" s="46"/>
      <c r="F428" s="111"/>
      <c r="G428" s="109"/>
      <c r="H428" s="110"/>
    </row>
    <row r="429" spans="1:8" s="23" customFormat="1" ht="24.95" customHeight="1" x14ac:dyDescent="0.25">
      <c r="A429" s="49" t="s">
        <v>126</v>
      </c>
      <c r="B429" s="100" t="s">
        <v>293</v>
      </c>
      <c r="C429" s="101"/>
      <c r="D429" s="101"/>
      <c r="E429" s="101"/>
      <c r="F429" s="101"/>
      <c r="G429" s="101"/>
      <c r="H429" s="102"/>
    </row>
    <row r="430" spans="1:8" s="23" customFormat="1" ht="24.95" customHeight="1" x14ac:dyDescent="0.25">
      <c r="A430" s="44" t="s">
        <v>11</v>
      </c>
      <c r="B430" s="42" t="s">
        <v>590</v>
      </c>
      <c r="C430" s="103" t="s">
        <v>780</v>
      </c>
      <c r="D430" s="103"/>
      <c r="E430" s="46"/>
      <c r="F430" s="106"/>
      <c r="G430" s="109"/>
      <c r="H430" s="110"/>
    </row>
    <row r="431" spans="1:8" s="23" customFormat="1" ht="24.95" customHeight="1" x14ac:dyDescent="0.25">
      <c r="A431" s="44" t="s">
        <v>44</v>
      </c>
      <c r="B431" s="42" t="s">
        <v>591</v>
      </c>
      <c r="C431" s="104"/>
      <c r="D431" s="104"/>
      <c r="E431" s="46"/>
      <c r="F431" s="107"/>
      <c r="G431" s="109"/>
      <c r="H431" s="110"/>
    </row>
    <row r="432" spans="1:8" s="23" customFormat="1" ht="24.95" customHeight="1" x14ac:dyDescent="0.25">
      <c r="A432" s="44" t="s">
        <v>45</v>
      </c>
      <c r="B432" s="42" t="s">
        <v>592</v>
      </c>
      <c r="C432" s="104"/>
      <c r="D432" s="104"/>
      <c r="E432" s="46"/>
      <c r="F432" s="107"/>
      <c r="G432" s="109"/>
      <c r="H432" s="110"/>
    </row>
    <row r="433" spans="1:8" s="23" customFormat="1" ht="24.95" customHeight="1" x14ac:dyDescent="0.25">
      <c r="A433" s="44" t="s">
        <v>46</v>
      </c>
      <c r="B433" s="42" t="s">
        <v>589</v>
      </c>
      <c r="C433" s="104"/>
      <c r="D433" s="104"/>
      <c r="E433" s="46"/>
      <c r="F433" s="107"/>
      <c r="G433" s="109"/>
      <c r="H433" s="110"/>
    </row>
    <row r="434" spans="1:8" s="23" customFormat="1" ht="24.95" customHeight="1" x14ac:dyDescent="0.25">
      <c r="A434" s="44" t="s">
        <v>47</v>
      </c>
      <c r="B434" s="42" t="s">
        <v>593</v>
      </c>
      <c r="C434" s="104"/>
      <c r="D434" s="104"/>
      <c r="E434" s="46"/>
      <c r="F434" s="107"/>
      <c r="G434" s="109"/>
      <c r="H434" s="110"/>
    </row>
    <row r="435" spans="1:8" s="23" customFormat="1" ht="24.95" customHeight="1" x14ac:dyDescent="0.25">
      <c r="A435" s="44" t="s">
        <v>48</v>
      </c>
      <c r="B435" s="42" t="s">
        <v>561</v>
      </c>
      <c r="C435" s="104"/>
      <c r="D435" s="104"/>
      <c r="E435" s="46"/>
      <c r="F435" s="107"/>
      <c r="G435" s="109"/>
      <c r="H435" s="110"/>
    </row>
    <row r="436" spans="1:8" s="23" customFormat="1" ht="24.95" customHeight="1" x14ac:dyDescent="0.25">
      <c r="A436" s="44" t="s">
        <v>49</v>
      </c>
      <c r="B436" s="42" t="s">
        <v>406</v>
      </c>
      <c r="C436" s="112"/>
      <c r="D436" s="112"/>
      <c r="E436" s="46"/>
      <c r="F436" s="111"/>
      <c r="G436" s="109"/>
      <c r="H436" s="110"/>
    </row>
    <row r="437" spans="1:8" s="23" customFormat="1" ht="24.95" customHeight="1" x14ac:dyDescent="0.25">
      <c r="A437" s="49" t="s">
        <v>127</v>
      </c>
      <c r="B437" s="100" t="s">
        <v>294</v>
      </c>
      <c r="C437" s="101"/>
      <c r="D437" s="101"/>
      <c r="E437" s="101"/>
      <c r="F437" s="101"/>
      <c r="G437" s="101"/>
      <c r="H437" s="102"/>
    </row>
    <row r="438" spans="1:8" s="23" customFormat="1" ht="24.95" customHeight="1" x14ac:dyDescent="0.25">
      <c r="A438" s="44" t="s">
        <v>11</v>
      </c>
      <c r="B438" s="42" t="s">
        <v>594</v>
      </c>
      <c r="C438" s="103" t="s">
        <v>753</v>
      </c>
      <c r="D438" s="103" t="s">
        <v>753</v>
      </c>
      <c r="E438" s="46"/>
      <c r="F438" s="106"/>
      <c r="G438" s="109"/>
      <c r="H438" s="110"/>
    </row>
    <row r="439" spans="1:8" s="23" customFormat="1" ht="24.95" customHeight="1" x14ac:dyDescent="0.25">
      <c r="A439" s="44" t="s">
        <v>44</v>
      </c>
      <c r="B439" s="42" t="s">
        <v>589</v>
      </c>
      <c r="C439" s="104"/>
      <c r="D439" s="104"/>
      <c r="E439" s="46"/>
      <c r="F439" s="107"/>
      <c r="G439" s="109"/>
      <c r="H439" s="110"/>
    </row>
    <row r="440" spans="1:8" s="23" customFormat="1" ht="24.95" customHeight="1" x14ac:dyDescent="0.25">
      <c r="A440" s="44" t="s">
        <v>45</v>
      </c>
      <c r="B440" s="42" t="s">
        <v>593</v>
      </c>
      <c r="C440" s="104"/>
      <c r="D440" s="104"/>
      <c r="E440" s="46"/>
      <c r="F440" s="107"/>
      <c r="G440" s="109"/>
      <c r="H440" s="110"/>
    </row>
    <row r="441" spans="1:8" s="23" customFormat="1" ht="24.95" customHeight="1" x14ac:dyDescent="0.25">
      <c r="A441" s="44" t="s">
        <v>46</v>
      </c>
      <c r="B441" s="42" t="s">
        <v>595</v>
      </c>
      <c r="C441" s="104"/>
      <c r="D441" s="104"/>
      <c r="E441" s="46"/>
      <c r="F441" s="107"/>
      <c r="G441" s="109"/>
      <c r="H441" s="110"/>
    </row>
    <row r="442" spans="1:8" s="23" customFormat="1" ht="24.95" customHeight="1" x14ac:dyDescent="0.25">
      <c r="A442" s="44" t="s">
        <v>47</v>
      </c>
      <c r="B442" s="42" t="s">
        <v>596</v>
      </c>
      <c r="C442" s="104"/>
      <c r="D442" s="104"/>
      <c r="E442" s="46"/>
      <c r="F442" s="107"/>
      <c r="G442" s="109"/>
      <c r="H442" s="110"/>
    </row>
    <row r="443" spans="1:8" s="23" customFormat="1" ht="24.95" customHeight="1" x14ac:dyDescent="0.25">
      <c r="A443" s="44" t="s">
        <v>48</v>
      </c>
      <c r="B443" s="42" t="s">
        <v>410</v>
      </c>
      <c r="C443" s="112"/>
      <c r="D443" s="112"/>
      <c r="E443" s="46"/>
      <c r="F443" s="111"/>
      <c r="G443" s="109"/>
      <c r="H443" s="110"/>
    </row>
    <row r="444" spans="1:8" s="23" customFormat="1" ht="24.95" customHeight="1" x14ac:dyDescent="0.25">
      <c r="A444" s="49" t="s">
        <v>128</v>
      </c>
      <c r="B444" s="100" t="s">
        <v>295</v>
      </c>
      <c r="C444" s="101"/>
      <c r="D444" s="101"/>
      <c r="E444" s="101"/>
      <c r="F444" s="101"/>
      <c r="G444" s="101"/>
      <c r="H444" s="102"/>
    </row>
    <row r="445" spans="1:8" s="23" customFormat="1" ht="24.95" customHeight="1" x14ac:dyDescent="0.25">
      <c r="A445" s="44" t="s">
        <v>11</v>
      </c>
      <c r="B445" s="42" t="s">
        <v>597</v>
      </c>
      <c r="C445" s="103" t="s">
        <v>781</v>
      </c>
      <c r="D445" s="103"/>
      <c r="E445" s="46"/>
      <c r="F445" s="106"/>
      <c r="G445" s="109"/>
      <c r="H445" s="110"/>
    </row>
    <row r="446" spans="1:8" s="23" customFormat="1" ht="24.95" customHeight="1" x14ac:dyDescent="0.25">
      <c r="A446" s="44" t="s">
        <v>44</v>
      </c>
      <c r="B446" s="42" t="s">
        <v>598</v>
      </c>
      <c r="C446" s="104"/>
      <c r="D446" s="104"/>
      <c r="E446" s="46"/>
      <c r="F446" s="107"/>
      <c r="G446" s="109"/>
      <c r="H446" s="110"/>
    </row>
    <row r="447" spans="1:8" s="23" customFormat="1" ht="24.95" customHeight="1" x14ac:dyDescent="0.25">
      <c r="A447" s="44" t="s">
        <v>45</v>
      </c>
      <c r="B447" s="42" t="s">
        <v>406</v>
      </c>
      <c r="C447" s="112"/>
      <c r="D447" s="112"/>
      <c r="E447" s="46"/>
      <c r="F447" s="111"/>
      <c r="G447" s="109"/>
      <c r="H447" s="110"/>
    </row>
    <row r="448" spans="1:8" s="23" customFormat="1" ht="24.95" customHeight="1" x14ac:dyDescent="0.25">
      <c r="A448" s="49" t="s">
        <v>129</v>
      </c>
      <c r="B448" s="100" t="s">
        <v>296</v>
      </c>
      <c r="C448" s="101"/>
      <c r="D448" s="101"/>
      <c r="E448" s="101"/>
      <c r="F448" s="101"/>
      <c r="G448" s="101"/>
      <c r="H448" s="102"/>
    </row>
    <row r="449" spans="1:8" s="23" customFormat="1" ht="24.95" customHeight="1" x14ac:dyDescent="0.25">
      <c r="A449" s="44" t="s">
        <v>11</v>
      </c>
      <c r="B449" s="42" t="s">
        <v>599</v>
      </c>
      <c r="C449" s="103" t="s">
        <v>753</v>
      </c>
      <c r="D449" s="103"/>
      <c r="E449" s="46"/>
      <c r="F449" s="106"/>
      <c r="G449" s="146"/>
      <c r="H449" s="147"/>
    </row>
    <row r="450" spans="1:8" s="23" customFormat="1" ht="24.95" customHeight="1" x14ac:dyDescent="0.25">
      <c r="A450" s="44" t="s">
        <v>44</v>
      </c>
      <c r="B450" s="42" t="s">
        <v>600</v>
      </c>
      <c r="C450" s="104"/>
      <c r="D450" s="104"/>
      <c r="E450" s="46"/>
      <c r="F450" s="107"/>
      <c r="G450" s="146"/>
      <c r="H450" s="147"/>
    </row>
    <row r="451" spans="1:8" s="23" customFormat="1" ht="24.95" customHeight="1" x14ac:dyDescent="0.25">
      <c r="A451" s="44" t="s">
        <v>45</v>
      </c>
      <c r="B451" s="42" t="s">
        <v>601</v>
      </c>
      <c r="C451" s="104"/>
      <c r="D451" s="104"/>
      <c r="E451" s="46"/>
      <c r="F451" s="107"/>
      <c r="G451" s="146"/>
      <c r="H451" s="147"/>
    </row>
    <row r="452" spans="1:8" s="23" customFormat="1" ht="24.95" customHeight="1" x14ac:dyDescent="0.25">
      <c r="A452" s="44" t="s">
        <v>46</v>
      </c>
      <c r="B452" s="42" t="s">
        <v>406</v>
      </c>
      <c r="C452" s="112"/>
      <c r="D452" s="112"/>
      <c r="E452" s="46"/>
      <c r="F452" s="111"/>
      <c r="G452" s="146"/>
      <c r="H452" s="147"/>
    </row>
    <row r="453" spans="1:8" s="23" customFormat="1" ht="24.95" customHeight="1" x14ac:dyDescent="0.25">
      <c r="A453" s="49" t="s">
        <v>130</v>
      </c>
      <c r="B453" s="100" t="s">
        <v>297</v>
      </c>
      <c r="C453" s="101"/>
      <c r="D453" s="101"/>
      <c r="E453" s="101"/>
      <c r="F453" s="101"/>
      <c r="G453" s="101"/>
      <c r="H453" s="102"/>
    </row>
    <row r="454" spans="1:8" s="23" customFormat="1" ht="24.95" customHeight="1" x14ac:dyDescent="0.25">
      <c r="A454" s="44" t="s">
        <v>11</v>
      </c>
      <c r="B454" s="42" t="s">
        <v>602</v>
      </c>
      <c r="C454" s="103" t="s">
        <v>782</v>
      </c>
      <c r="D454" s="103"/>
      <c r="E454" s="46"/>
      <c r="F454" s="106"/>
      <c r="G454" s="109"/>
      <c r="H454" s="110"/>
    </row>
    <row r="455" spans="1:8" s="23" customFormat="1" ht="30.75" customHeight="1" x14ac:dyDescent="0.25">
      <c r="A455" s="44" t="s">
        <v>44</v>
      </c>
      <c r="B455" s="42" t="s">
        <v>603</v>
      </c>
      <c r="C455" s="104"/>
      <c r="D455" s="104"/>
      <c r="E455" s="46"/>
      <c r="F455" s="107"/>
      <c r="G455" s="109"/>
      <c r="H455" s="110"/>
    </row>
    <row r="456" spans="1:8" s="23" customFormat="1" ht="24.95" customHeight="1" x14ac:dyDescent="0.25">
      <c r="A456" s="44" t="s">
        <v>45</v>
      </c>
      <c r="B456" s="42" t="s">
        <v>604</v>
      </c>
      <c r="C456" s="104"/>
      <c r="D456" s="104"/>
      <c r="E456" s="46"/>
      <c r="F456" s="107"/>
      <c r="G456" s="109"/>
      <c r="H456" s="110"/>
    </row>
    <row r="457" spans="1:8" s="23" customFormat="1" ht="24.95" customHeight="1" x14ac:dyDescent="0.25">
      <c r="A457" s="44" t="s">
        <v>46</v>
      </c>
      <c r="B457" s="42" t="s">
        <v>605</v>
      </c>
      <c r="C457" s="104"/>
      <c r="D457" s="104"/>
      <c r="E457" s="46"/>
      <c r="F457" s="107"/>
      <c r="G457" s="109"/>
      <c r="H457" s="110"/>
    </row>
    <row r="458" spans="1:8" s="23" customFormat="1" ht="24.95" customHeight="1" x14ac:dyDescent="0.25">
      <c r="A458" s="44" t="s">
        <v>47</v>
      </c>
      <c r="B458" s="42" t="s">
        <v>406</v>
      </c>
      <c r="C458" s="112"/>
      <c r="D458" s="112"/>
      <c r="E458" s="46"/>
      <c r="F458" s="111"/>
      <c r="G458" s="109"/>
      <c r="H458" s="110"/>
    </row>
    <row r="459" spans="1:8" s="23" customFormat="1" ht="24.95" customHeight="1" x14ac:dyDescent="0.25">
      <c r="A459" s="49" t="s">
        <v>131</v>
      </c>
      <c r="B459" s="100" t="s">
        <v>298</v>
      </c>
      <c r="C459" s="101"/>
      <c r="D459" s="101"/>
      <c r="E459" s="101"/>
      <c r="F459" s="101"/>
      <c r="G459" s="101"/>
      <c r="H459" s="102"/>
    </row>
    <row r="460" spans="1:8" s="23" customFormat="1" ht="24.95" customHeight="1" x14ac:dyDescent="0.25">
      <c r="A460" s="44" t="s">
        <v>11</v>
      </c>
      <c r="B460" s="42" t="s">
        <v>606</v>
      </c>
      <c r="C460" s="103" t="s">
        <v>753</v>
      </c>
      <c r="D460" s="103"/>
      <c r="E460" s="46"/>
      <c r="F460" s="106"/>
      <c r="G460" s="109"/>
      <c r="H460" s="110"/>
    </row>
    <row r="461" spans="1:8" s="23" customFormat="1" ht="24.95" customHeight="1" x14ac:dyDescent="0.25">
      <c r="A461" s="44" t="s">
        <v>44</v>
      </c>
      <c r="B461" s="42" t="s">
        <v>585</v>
      </c>
      <c r="C461" s="104"/>
      <c r="D461" s="104"/>
      <c r="E461" s="46"/>
      <c r="F461" s="107"/>
      <c r="G461" s="109"/>
      <c r="H461" s="110"/>
    </row>
    <row r="462" spans="1:8" s="23" customFormat="1" ht="24.95" customHeight="1" x14ac:dyDescent="0.25">
      <c r="A462" s="44" t="s">
        <v>45</v>
      </c>
      <c r="B462" s="42" t="s">
        <v>607</v>
      </c>
      <c r="C462" s="104"/>
      <c r="D462" s="104"/>
      <c r="E462" s="46"/>
      <c r="F462" s="107"/>
      <c r="G462" s="109"/>
      <c r="H462" s="110"/>
    </row>
    <row r="463" spans="1:8" s="23" customFormat="1" ht="24.95" customHeight="1" x14ac:dyDescent="0.25">
      <c r="A463" s="44" t="s">
        <v>46</v>
      </c>
      <c r="B463" s="42" t="s">
        <v>608</v>
      </c>
      <c r="C463" s="104"/>
      <c r="D463" s="104"/>
      <c r="E463" s="46"/>
      <c r="F463" s="107"/>
      <c r="G463" s="109"/>
      <c r="H463" s="110"/>
    </row>
    <row r="464" spans="1:8" s="23" customFormat="1" ht="24.95" customHeight="1" x14ac:dyDescent="0.25">
      <c r="A464" s="44" t="s">
        <v>47</v>
      </c>
      <c r="B464" s="42" t="s">
        <v>609</v>
      </c>
      <c r="C464" s="104"/>
      <c r="D464" s="104"/>
      <c r="E464" s="46"/>
      <c r="F464" s="107"/>
      <c r="G464" s="109"/>
      <c r="H464" s="110"/>
    </row>
    <row r="465" spans="1:8" s="23" customFormat="1" ht="24.95" customHeight="1" x14ac:dyDescent="0.25">
      <c r="A465" s="44" t="s">
        <v>48</v>
      </c>
      <c r="B465" s="42" t="s">
        <v>406</v>
      </c>
      <c r="C465" s="112"/>
      <c r="D465" s="112"/>
      <c r="E465" s="46"/>
      <c r="F465" s="111"/>
      <c r="G465" s="109"/>
      <c r="H465" s="110"/>
    </row>
    <row r="466" spans="1:8" s="23" customFormat="1" ht="24.95" customHeight="1" x14ac:dyDescent="0.25">
      <c r="A466" s="49" t="s">
        <v>132</v>
      </c>
      <c r="B466" s="100" t="s">
        <v>299</v>
      </c>
      <c r="C466" s="101"/>
      <c r="D466" s="101"/>
      <c r="E466" s="101"/>
      <c r="F466" s="101"/>
      <c r="G466" s="101"/>
      <c r="H466" s="102"/>
    </row>
    <row r="467" spans="1:8" s="23" customFormat="1" ht="24.95" customHeight="1" x14ac:dyDescent="0.25">
      <c r="A467" s="44" t="s">
        <v>11</v>
      </c>
      <c r="B467" s="42" t="s">
        <v>610</v>
      </c>
      <c r="C467" s="103" t="s">
        <v>783</v>
      </c>
      <c r="D467" s="103"/>
      <c r="E467" s="46"/>
      <c r="F467" s="106"/>
      <c r="G467" s="109"/>
      <c r="H467" s="110"/>
    </row>
    <row r="468" spans="1:8" s="23" customFormat="1" ht="24.95" customHeight="1" x14ac:dyDescent="0.25">
      <c r="A468" s="44" t="s">
        <v>44</v>
      </c>
      <c r="B468" s="42" t="s">
        <v>611</v>
      </c>
      <c r="C468" s="104"/>
      <c r="D468" s="104"/>
      <c r="E468" s="46"/>
      <c r="F468" s="107"/>
      <c r="G468" s="109"/>
      <c r="H468" s="110"/>
    </row>
    <row r="469" spans="1:8" s="23" customFormat="1" ht="24.95" customHeight="1" x14ac:dyDescent="0.25">
      <c r="A469" s="44" t="s">
        <v>45</v>
      </c>
      <c r="B469" s="42" t="s">
        <v>612</v>
      </c>
      <c r="C469" s="104"/>
      <c r="D469" s="104"/>
      <c r="E469" s="46"/>
      <c r="F469" s="107"/>
      <c r="G469" s="109"/>
      <c r="H469" s="110"/>
    </row>
    <row r="470" spans="1:8" s="23" customFormat="1" ht="24.95" customHeight="1" x14ac:dyDescent="0.25">
      <c r="A470" s="44" t="s">
        <v>46</v>
      </c>
      <c r="B470" s="42" t="s">
        <v>406</v>
      </c>
      <c r="C470" s="112"/>
      <c r="D470" s="112"/>
      <c r="E470" s="46"/>
      <c r="F470" s="111"/>
      <c r="G470" s="109"/>
      <c r="H470" s="110"/>
    </row>
    <row r="471" spans="1:8" s="23" customFormat="1" ht="24.95" customHeight="1" x14ac:dyDescent="0.25">
      <c r="A471" s="49" t="s">
        <v>133</v>
      </c>
      <c r="B471" s="100" t="s">
        <v>300</v>
      </c>
      <c r="C471" s="101"/>
      <c r="D471" s="101"/>
      <c r="E471" s="101"/>
      <c r="F471" s="101"/>
      <c r="G471" s="101"/>
      <c r="H471" s="102"/>
    </row>
    <row r="472" spans="1:8" s="23" customFormat="1" ht="24.95" customHeight="1" x14ac:dyDescent="0.25">
      <c r="A472" s="44" t="s">
        <v>11</v>
      </c>
      <c r="B472" s="42" t="s">
        <v>613</v>
      </c>
      <c r="C472" s="103" t="s">
        <v>784</v>
      </c>
      <c r="D472" s="103"/>
      <c r="E472" s="46"/>
      <c r="F472" s="106"/>
      <c r="G472" s="109"/>
      <c r="H472" s="110"/>
    </row>
    <row r="473" spans="1:8" s="23" customFormat="1" ht="24.95" customHeight="1" x14ac:dyDescent="0.25">
      <c r="A473" s="44" t="s">
        <v>44</v>
      </c>
      <c r="B473" s="42" t="s">
        <v>611</v>
      </c>
      <c r="C473" s="104"/>
      <c r="D473" s="104"/>
      <c r="E473" s="46"/>
      <c r="F473" s="107"/>
      <c r="G473" s="109"/>
      <c r="H473" s="110"/>
    </row>
    <row r="474" spans="1:8" s="23" customFormat="1" ht="24.95" customHeight="1" x14ac:dyDescent="0.25">
      <c r="A474" s="44" t="s">
        <v>45</v>
      </c>
      <c r="B474" s="42" t="s">
        <v>614</v>
      </c>
      <c r="C474" s="104"/>
      <c r="D474" s="104"/>
      <c r="E474" s="46"/>
      <c r="F474" s="107"/>
      <c r="G474" s="109"/>
      <c r="H474" s="110"/>
    </row>
    <row r="475" spans="1:8" s="23" customFormat="1" ht="24.95" customHeight="1" x14ac:dyDescent="0.25">
      <c r="A475" s="44" t="s">
        <v>46</v>
      </c>
      <c r="B475" s="42" t="s">
        <v>406</v>
      </c>
      <c r="C475" s="112"/>
      <c r="D475" s="112"/>
      <c r="E475" s="46"/>
      <c r="F475" s="111"/>
      <c r="G475" s="109"/>
      <c r="H475" s="110"/>
    </row>
    <row r="476" spans="1:8" s="23" customFormat="1" ht="24.95" customHeight="1" x14ac:dyDescent="0.25">
      <c r="A476" s="49" t="s">
        <v>134</v>
      </c>
      <c r="B476" s="100" t="s">
        <v>301</v>
      </c>
      <c r="C476" s="101"/>
      <c r="D476" s="101"/>
      <c r="E476" s="101"/>
      <c r="F476" s="101"/>
      <c r="G476" s="101"/>
      <c r="H476" s="102"/>
    </row>
    <row r="477" spans="1:8" s="23" customFormat="1" ht="24.95" customHeight="1" x14ac:dyDescent="0.25">
      <c r="A477" s="44" t="s">
        <v>11</v>
      </c>
      <c r="B477" s="42" t="s">
        <v>615</v>
      </c>
      <c r="C477" s="103" t="s">
        <v>785</v>
      </c>
      <c r="D477" s="103"/>
      <c r="E477" s="46"/>
      <c r="F477" s="106"/>
      <c r="G477" s="109"/>
      <c r="H477" s="110"/>
    </row>
    <row r="478" spans="1:8" s="23" customFormat="1" ht="24.95" customHeight="1" x14ac:dyDescent="0.25">
      <c r="A478" s="44" t="s">
        <v>44</v>
      </c>
      <c r="B478" s="42" t="s">
        <v>611</v>
      </c>
      <c r="C478" s="104"/>
      <c r="D478" s="104"/>
      <c r="E478" s="46"/>
      <c r="F478" s="107"/>
      <c r="G478" s="109"/>
      <c r="H478" s="110"/>
    </row>
    <row r="479" spans="1:8" s="23" customFormat="1" ht="24.95" customHeight="1" x14ac:dyDescent="0.25">
      <c r="A479" s="44" t="s">
        <v>45</v>
      </c>
      <c r="B479" s="42" t="s">
        <v>612</v>
      </c>
      <c r="C479" s="104"/>
      <c r="D479" s="104"/>
      <c r="E479" s="46"/>
      <c r="F479" s="107"/>
      <c r="G479" s="109"/>
      <c r="H479" s="110"/>
    </row>
    <row r="480" spans="1:8" s="23" customFormat="1" ht="24.95" customHeight="1" x14ac:dyDescent="0.25">
      <c r="A480" s="44" t="s">
        <v>46</v>
      </c>
      <c r="B480" s="42" t="s">
        <v>406</v>
      </c>
      <c r="C480" s="112"/>
      <c r="D480" s="112"/>
      <c r="E480" s="46"/>
      <c r="F480" s="111"/>
      <c r="G480" s="109"/>
      <c r="H480" s="110"/>
    </row>
    <row r="481" spans="1:8" s="23" customFormat="1" ht="24.95" customHeight="1" x14ac:dyDescent="0.25">
      <c r="A481" s="49" t="s">
        <v>135</v>
      </c>
      <c r="B481" s="100" t="s">
        <v>302</v>
      </c>
      <c r="C481" s="101"/>
      <c r="D481" s="101"/>
      <c r="E481" s="101"/>
      <c r="F481" s="101"/>
      <c r="G481" s="101"/>
      <c r="H481" s="102"/>
    </row>
    <row r="482" spans="1:8" s="23" customFormat="1" ht="24.95" customHeight="1" x14ac:dyDescent="0.25">
      <c r="A482" s="44" t="s">
        <v>11</v>
      </c>
      <c r="B482" s="42" t="s">
        <v>616</v>
      </c>
      <c r="C482" s="103" t="s">
        <v>753</v>
      </c>
      <c r="D482" s="103"/>
      <c r="E482" s="46"/>
      <c r="F482" s="106"/>
      <c r="G482" s="109"/>
      <c r="H482" s="110"/>
    </row>
    <row r="483" spans="1:8" s="23" customFormat="1" ht="24.95" customHeight="1" x14ac:dyDescent="0.25">
      <c r="A483" s="44" t="s">
        <v>44</v>
      </c>
      <c r="B483" s="42" t="s">
        <v>611</v>
      </c>
      <c r="C483" s="104"/>
      <c r="D483" s="104"/>
      <c r="E483" s="46"/>
      <c r="F483" s="107"/>
      <c r="G483" s="109"/>
      <c r="H483" s="110"/>
    </row>
    <row r="484" spans="1:8" s="23" customFormat="1" ht="24.95" customHeight="1" x14ac:dyDescent="0.25">
      <c r="A484" s="44" t="s">
        <v>45</v>
      </c>
      <c r="B484" s="42" t="s">
        <v>617</v>
      </c>
      <c r="C484" s="104"/>
      <c r="D484" s="104"/>
      <c r="E484" s="46"/>
      <c r="F484" s="107"/>
      <c r="G484" s="109"/>
      <c r="H484" s="110"/>
    </row>
    <row r="485" spans="1:8" s="23" customFormat="1" ht="24.95" customHeight="1" x14ac:dyDescent="0.25">
      <c r="A485" s="44" t="s">
        <v>46</v>
      </c>
      <c r="B485" s="42" t="s">
        <v>406</v>
      </c>
      <c r="C485" s="112"/>
      <c r="D485" s="112"/>
      <c r="E485" s="46"/>
      <c r="F485" s="111"/>
      <c r="G485" s="109"/>
      <c r="H485" s="110"/>
    </row>
    <row r="486" spans="1:8" s="23" customFormat="1" ht="24.95" customHeight="1" x14ac:dyDescent="0.25">
      <c r="A486" s="49" t="s">
        <v>136</v>
      </c>
      <c r="B486" s="100" t="s">
        <v>303</v>
      </c>
      <c r="C486" s="101"/>
      <c r="D486" s="101"/>
      <c r="E486" s="101"/>
      <c r="F486" s="101"/>
      <c r="G486" s="101"/>
      <c r="H486" s="102"/>
    </row>
    <row r="487" spans="1:8" s="23" customFormat="1" ht="24.95" customHeight="1" x14ac:dyDescent="0.25">
      <c r="A487" s="44" t="s">
        <v>11</v>
      </c>
      <c r="B487" s="42" t="s">
        <v>613</v>
      </c>
      <c r="C487" s="103" t="s">
        <v>753</v>
      </c>
      <c r="D487" s="103"/>
      <c r="E487" s="46"/>
      <c r="F487" s="106"/>
      <c r="G487" s="109"/>
      <c r="H487" s="110"/>
    </row>
    <row r="488" spans="1:8" s="23" customFormat="1" ht="24.95" customHeight="1" x14ac:dyDescent="0.25">
      <c r="A488" s="44" t="s">
        <v>44</v>
      </c>
      <c r="B488" s="42" t="s">
        <v>618</v>
      </c>
      <c r="C488" s="104"/>
      <c r="D488" s="104"/>
      <c r="E488" s="46"/>
      <c r="F488" s="107"/>
      <c r="G488" s="109"/>
      <c r="H488" s="110"/>
    </row>
    <row r="489" spans="1:8" s="23" customFormat="1" ht="24.95" customHeight="1" x14ac:dyDescent="0.25">
      <c r="A489" s="44" t="s">
        <v>45</v>
      </c>
      <c r="B489" s="42" t="s">
        <v>619</v>
      </c>
      <c r="C489" s="104"/>
      <c r="D489" s="104"/>
      <c r="E489" s="46"/>
      <c r="F489" s="107"/>
      <c r="G489" s="109"/>
      <c r="H489" s="110"/>
    </row>
    <row r="490" spans="1:8" s="23" customFormat="1" ht="24.95" customHeight="1" x14ac:dyDescent="0.25">
      <c r="A490" s="44" t="s">
        <v>46</v>
      </c>
      <c r="B490" s="42" t="s">
        <v>620</v>
      </c>
      <c r="C490" s="104"/>
      <c r="D490" s="104"/>
      <c r="E490" s="46"/>
      <c r="F490" s="107"/>
      <c r="G490" s="109"/>
      <c r="H490" s="110"/>
    </row>
    <row r="491" spans="1:8" s="23" customFormat="1" ht="24.95" customHeight="1" x14ac:dyDescent="0.25">
      <c r="A491" s="44" t="s">
        <v>47</v>
      </c>
      <c r="B491" s="42" t="s">
        <v>621</v>
      </c>
      <c r="C491" s="104"/>
      <c r="D491" s="104"/>
      <c r="E491" s="46"/>
      <c r="F491" s="107"/>
      <c r="G491" s="109"/>
      <c r="H491" s="110"/>
    </row>
    <row r="492" spans="1:8" s="23" customFormat="1" ht="24.95" customHeight="1" x14ac:dyDescent="0.25">
      <c r="A492" s="44" t="s">
        <v>48</v>
      </c>
      <c r="B492" s="42" t="s">
        <v>406</v>
      </c>
      <c r="C492" s="112"/>
      <c r="D492" s="112"/>
      <c r="E492" s="46"/>
      <c r="F492" s="111"/>
      <c r="G492" s="109"/>
      <c r="H492" s="110"/>
    </row>
    <row r="493" spans="1:8" s="23" customFormat="1" ht="24.95" customHeight="1" x14ac:dyDescent="0.25">
      <c r="A493" s="49" t="s">
        <v>137</v>
      </c>
      <c r="B493" s="100" t="s">
        <v>304</v>
      </c>
      <c r="C493" s="101"/>
      <c r="D493" s="101"/>
      <c r="E493" s="101"/>
      <c r="F493" s="101"/>
      <c r="G493" s="101"/>
      <c r="H493" s="102"/>
    </row>
    <row r="494" spans="1:8" s="23" customFormat="1" ht="24.95" customHeight="1" x14ac:dyDescent="0.25">
      <c r="A494" s="44" t="s">
        <v>11</v>
      </c>
      <c r="B494" s="42" t="s">
        <v>616</v>
      </c>
      <c r="C494" s="103" t="s">
        <v>753</v>
      </c>
      <c r="D494" s="103"/>
      <c r="E494" s="46"/>
      <c r="F494" s="106"/>
      <c r="G494" s="109"/>
      <c r="H494" s="110"/>
    </row>
    <row r="495" spans="1:8" s="23" customFormat="1" ht="35.25" customHeight="1" x14ac:dyDescent="0.25">
      <c r="A495" s="44" t="s">
        <v>44</v>
      </c>
      <c r="B495" s="42" t="s">
        <v>622</v>
      </c>
      <c r="C495" s="104"/>
      <c r="D495" s="104"/>
      <c r="E495" s="46"/>
      <c r="F495" s="107"/>
      <c r="G495" s="109"/>
      <c r="H495" s="110"/>
    </row>
    <row r="496" spans="1:8" s="23" customFormat="1" ht="24.95" customHeight="1" x14ac:dyDescent="0.25">
      <c r="A496" s="44" t="s">
        <v>45</v>
      </c>
      <c r="B496" s="42" t="s">
        <v>623</v>
      </c>
      <c r="C496" s="104"/>
      <c r="D496" s="104"/>
      <c r="E496" s="46"/>
      <c r="F496" s="107"/>
      <c r="G496" s="109"/>
      <c r="H496" s="110"/>
    </row>
    <row r="497" spans="1:8" s="23" customFormat="1" ht="24.95" customHeight="1" x14ac:dyDescent="0.25">
      <c r="A497" s="44" t="s">
        <v>46</v>
      </c>
      <c r="B497" s="42" t="s">
        <v>619</v>
      </c>
      <c r="C497" s="104"/>
      <c r="D497" s="104"/>
      <c r="E497" s="46"/>
      <c r="F497" s="107"/>
      <c r="G497" s="109"/>
      <c r="H497" s="110"/>
    </row>
    <row r="498" spans="1:8" s="23" customFormat="1" ht="24.95" customHeight="1" x14ac:dyDescent="0.25">
      <c r="A498" s="44" t="s">
        <v>47</v>
      </c>
      <c r="B498" s="42" t="s">
        <v>620</v>
      </c>
      <c r="C498" s="104"/>
      <c r="D498" s="104"/>
      <c r="E498" s="46"/>
      <c r="F498" s="107"/>
      <c r="G498" s="109"/>
      <c r="H498" s="110"/>
    </row>
    <row r="499" spans="1:8" s="23" customFormat="1" ht="24.95" customHeight="1" x14ac:dyDescent="0.25">
      <c r="A499" s="44" t="s">
        <v>48</v>
      </c>
      <c r="B499" s="42" t="s">
        <v>621</v>
      </c>
      <c r="C499" s="104"/>
      <c r="D499" s="104"/>
      <c r="E499" s="46"/>
      <c r="F499" s="107"/>
      <c r="G499" s="109"/>
      <c r="H499" s="110"/>
    </row>
    <row r="500" spans="1:8" s="23" customFormat="1" ht="24.95" customHeight="1" x14ac:dyDescent="0.25">
      <c r="A500" s="44" t="s">
        <v>49</v>
      </c>
      <c r="B500" s="42" t="s">
        <v>406</v>
      </c>
      <c r="C500" s="112"/>
      <c r="D500" s="112"/>
      <c r="E500" s="46"/>
      <c r="F500" s="111"/>
      <c r="G500" s="109"/>
      <c r="H500" s="110"/>
    </row>
    <row r="501" spans="1:8" s="23" customFormat="1" ht="24.95" customHeight="1" x14ac:dyDescent="0.25">
      <c r="A501" s="49" t="s">
        <v>138</v>
      </c>
      <c r="B501" s="100" t="s">
        <v>305</v>
      </c>
      <c r="C501" s="101"/>
      <c r="D501" s="101"/>
      <c r="E501" s="101"/>
      <c r="F501" s="101"/>
      <c r="G501" s="101"/>
      <c r="H501" s="102"/>
    </row>
    <row r="502" spans="1:8" s="23" customFormat="1" ht="24.95" customHeight="1" x14ac:dyDescent="0.25">
      <c r="A502" s="44" t="s">
        <v>11</v>
      </c>
      <c r="B502" s="42" t="s">
        <v>624</v>
      </c>
      <c r="C502" s="103" t="s">
        <v>753</v>
      </c>
      <c r="D502" s="103"/>
      <c r="E502" s="46"/>
      <c r="F502" s="106"/>
      <c r="G502" s="109"/>
      <c r="H502" s="110"/>
    </row>
    <row r="503" spans="1:8" s="23" customFormat="1" ht="24.95" customHeight="1" x14ac:dyDescent="0.25">
      <c r="A503" s="44" t="s">
        <v>44</v>
      </c>
      <c r="B503" s="42" t="s">
        <v>625</v>
      </c>
      <c r="C503" s="104"/>
      <c r="D503" s="104"/>
      <c r="E503" s="46"/>
      <c r="F503" s="107"/>
      <c r="G503" s="109"/>
      <c r="H503" s="110"/>
    </row>
    <row r="504" spans="1:8" s="23" customFormat="1" ht="24.95" customHeight="1" x14ac:dyDescent="0.25">
      <c r="A504" s="44" t="s">
        <v>45</v>
      </c>
      <c r="B504" s="42" t="s">
        <v>626</v>
      </c>
      <c r="C504" s="104"/>
      <c r="D504" s="104"/>
      <c r="E504" s="46"/>
      <c r="F504" s="107"/>
      <c r="G504" s="109"/>
      <c r="H504" s="110"/>
    </row>
    <row r="505" spans="1:8" s="23" customFormat="1" ht="24.95" customHeight="1" x14ac:dyDescent="0.25">
      <c r="A505" s="44" t="s">
        <v>46</v>
      </c>
      <c r="B505" s="42" t="s">
        <v>627</v>
      </c>
      <c r="C505" s="104"/>
      <c r="D505" s="104"/>
      <c r="E505" s="46"/>
      <c r="F505" s="107"/>
      <c r="G505" s="109"/>
      <c r="H505" s="110"/>
    </row>
    <row r="506" spans="1:8" s="23" customFormat="1" ht="24.95" customHeight="1" x14ac:dyDescent="0.25">
      <c r="A506" s="44" t="s">
        <v>47</v>
      </c>
      <c r="B506" s="42" t="s">
        <v>628</v>
      </c>
      <c r="C506" s="104"/>
      <c r="D506" s="104"/>
      <c r="E506" s="46"/>
      <c r="F506" s="107"/>
      <c r="G506" s="109"/>
      <c r="H506" s="110"/>
    </row>
    <row r="507" spans="1:8" s="23" customFormat="1" ht="24.95" customHeight="1" x14ac:dyDescent="0.25">
      <c r="A507" s="44" t="s">
        <v>48</v>
      </c>
      <c r="B507" s="42" t="s">
        <v>406</v>
      </c>
      <c r="C507" s="112"/>
      <c r="D507" s="112"/>
      <c r="E507" s="46"/>
      <c r="F507" s="111"/>
      <c r="G507" s="109"/>
      <c r="H507" s="110"/>
    </row>
    <row r="508" spans="1:8" s="23" customFormat="1" ht="24.95" customHeight="1" x14ac:dyDescent="0.25">
      <c r="A508" s="49" t="s">
        <v>139</v>
      </c>
      <c r="B508" s="100" t="s">
        <v>306</v>
      </c>
      <c r="C508" s="101"/>
      <c r="D508" s="101"/>
      <c r="E508" s="101"/>
      <c r="F508" s="101"/>
      <c r="G508" s="101"/>
      <c r="H508" s="102"/>
    </row>
    <row r="509" spans="1:8" s="23" customFormat="1" ht="24.95" customHeight="1" x14ac:dyDescent="0.25">
      <c r="A509" s="44" t="s">
        <v>11</v>
      </c>
      <c r="B509" s="42" t="s">
        <v>610</v>
      </c>
      <c r="C509" s="103" t="s">
        <v>753</v>
      </c>
      <c r="D509" s="103"/>
      <c r="E509" s="46"/>
      <c r="F509" s="106"/>
      <c r="G509" s="109"/>
      <c r="H509" s="110"/>
    </row>
    <row r="510" spans="1:8" s="23" customFormat="1" ht="24.95" customHeight="1" x14ac:dyDescent="0.25">
      <c r="A510" s="44" t="s">
        <v>44</v>
      </c>
      <c r="B510" s="42" t="s">
        <v>625</v>
      </c>
      <c r="C510" s="104"/>
      <c r="D510" s="104"/>
      <c r="E510" s="46"/>
      <c r="F510" s="107"/>
      <c r="G510" s="109"/>
      <c r="H510" s="110"/>
    </row>
    <row r="511" spans="1:8" s="23" customFormat="1" ht="24.95" customHeight="1" x14ac:dyDescent="0.25">
      <c r="A511" s="44" t="s">
        <v>45</v>
      </c>
      <c r="B511" s="42" t="s">
        <v>629</v>
      </c>
      <c r="C511" s="104"/>
      <c r="D511" s="104"/>
      <c r="E511" s="46"/>
      <c r="F511" s="107"/>
      <c r="G511" s="109"/>
      <c r="H511" s="110"/>
    </row>
    <row r="512" spans="1:8" s="23" customFormat="1" ht="24.95" customHeight="1" x14ac:dyDescent="0.25">
      <c r="A512" s="44" t="s">
        <v>46</v>
      </c>
      <c r="B512" s="42" t="s">
        <v>620</v>
      </c>
      <c r="C512" s="104"/>
      <c r="D512" s="104"/>
      <c r="E512" s="46"/>
      <c r="F512" s="107"/>
      <c r="G512" s="109"/>
      <c r="H512" s="110"/>
    </row>
    <row r="513" spans="1:8" s="23" customFormat="1" ht="24.95" customHeight="1" x14ac:dyDescent="0.25">
      <c r="A513" s="44" t="s">
        <v>47</v>
      </c>
      <c r="B513" s="42" t="s">
        <v>621</v>
      </c>
      <c r="C513" s="104"/>
      <c r="D513" s="104"/>
      <c r="E513" s="46"/>
      <c r="F513" s="107"/>
      <c r="G513" s="109"/>
      <c r="H513" s="110"/>
    </row>
    <row r="514" spans="1:8" s="23" customFormat="1" ht="24.95" customHeight="1" x14ac:dyDescent="0.25">
      <c r="A514" s="44" t="s">
        <v>48</v>
      </c>
      <c r="B514" s="42" t="s">
        <v>406</v>
      </c>
      <c r="C514" s="112"/>
      <c r="D514" s="112"/>
      <c r="E514" s="46"/>
      <c r="F514" s="111"/>
      <c r="G514" s="109"/>
      <c r="H514" s="110"/>
    </row>
    <row r="515" spans="1:8" s="23" customFormat="1" ht="24.95" customHeight="1" x14ac:dyDescent="0.25">
      <c r="A515" s="49" t="s">
        <v>140</v>
      </c>
      <c r="B515" s="100" t="s">
        <v>307</v>
      </c>
      <c r="C515" s="101"/>
      <c r="D515" s="101"/>
      <c r="E515" s="101"/>
      <c r="F515" s="101"/>
      <c r="G515" s="101"/>
      <c r="H515" s="102"/>
    </row>
    <row r="516" spans="1:8" s="23" customFormat="1" ht="24.95" customHeight="1" x14ac:dyDescent="0.25">
      <c r="A516" s="44" t="s">
        <v>11</v>
      </c>
      <c r="B516" s="42" t="s">
        <v>630</v>
      </c>
      <c r="C516" s="103" t="s">
        <v>1014</v>
      </c>
      <c r="D516" s="103"/>
      <c r="E516" s="46"/>
      <c r="F516" s="106"/>
      <c r="G516" s="109"/>
      <c r="H516" s="110"/>
    </row>
    <row r="517" spans="1:8" s="23" customFormat="1" ht="24.95" customHeight="1" x14ac:dyDescent="0.25">
      <c r="A517" s="44" t="s">
        <v>44</v>
      </c>
      <c r="B517" s="42" t="s">
        <v>631</v>
      </c>
      <c r="C517" s="104"/>
      <c r="D517" s="104"/>
      <c r="E517" s="46"/>
      <c r="F517" s="107"/>
      <c r="G517" s="109"/>
      <c r="H517" s="110"/>
    </row>
    <row r="518" spans="1:8" s="23" customFormat="1" ht="24.95" customHeight="1" x14ac:dyDescent="0.25">
      <c r="A518" s="44" t="s">
        <v>45</v>
      </c>
      <c r="B518" s="42" t="s">
        <v>632</v>
      </c>
      <c r="C518" s="104"/>
      <c r="D518" s="104"/>
      <c r="E518" s="46"/>
      <c r="F518" s="107"/>
      <c r="G518" s="109"/>
      <c r="H518" s="110"/>
    </row>
    <row r="519" spans="1:8" s="23" customFormat="1" ht="24.95" customHeight="1" x14ac:dyDescent="0.25">
      <c r="A519" s="44" t="s">
        <v>46</v>
      </c>
      <c r="B519" s="42" t="s">
        <v>406</v>
      </c>
      <c r="C519" s="104"/>
      <c r="D519" s="104"/>
      <c r="E519" s="46"/>
      <c r="F519" s="107"/>
      <c r="G519" s="109"/>
      <c r="H519" s="110"/>
    </row>
    <row r="520" spans="1:8" s="23" customFormat="1" ht="24.95" customHeight="1" x14ac:dyDescent="0.25">
      <c r="A520" s="49" t="s">
        <v>141</v>
      </c>
      <c r="B520" s="100" t="s">
        <v>308</v>
      </c>
      <c r="C520" s="101"/>
      <c r="D520" s="101"/>
      <c r="E520" s="101"/>
      <c r="F520" s="101"/>
      <c r="G520" s="101"/>
      <c r="H520" s="102"/>
    </row>
    <row r="521" spans="1:8" s="23" customFormat="1" ht="24.95" customHeight="1" x14ac:dyDescent="0.25">
      <c r="A521" s="44" t="s">
        <v>11</v>
      </c>
      <c r="B521" s="42" t="s">
        <v>633</v>
      </c>
      <c r="C521" s="103" t="s">
        <v>753</v>
      </c>
      <c r="D521" s="103"/>
      <c r="E521" s="46"/>
      <c r="F521" s="106"/>
      <c r="G521" s="109"/>
      <c r="H521" s="110"/>
    </row>
    <row r="522" spans="1:8" s="23" customFormat="1" ht="24.95" customHeight="1" x14ac:dyDescent="0.25">
      <c r="A522" s="44" t="s">
        <v>44</v>
      </c>
      <c r="B522" s="42" t="s">
        <v>634</v>
      </c>
      <c r="C522" s="104"/>
      <c r="D522" s="104"/>
      <c r="E522" s="46"/>
      <c r="F522" s="107"/>
      <c r="G522" s="109"/>
      <c r="H522" s="110"/>
    </row>
    <row r="523" spans="1:8" s="23" customFormat="1" ht="24.95" customHeight="1" x14ac:dyDescent="0.25">
      <c r="A523" s="44" t="s">
        <v>45</v>
      </c>
      <c r="B523" s="42" t="s">
        <v>635</v>
      </c>
      <c r="C523" s="104"/>
      <c r="D523" s="104"/>
      <c r="E523" s="46"/>
      <c r="F523" s="107"/>
      <c r="G523" s="109"/>
      <c r="H523" s="110"/>
    </row>
    <row r="524" spans="1:8" s="23" customFormat="1" ht="24.95" customHeight="1" x14ac:dyDescent="0.25">
      <c r="A524" s="44" t="s">
        <v>46</v>
      </c>
      <c r="B524" s="42" t="s">
        <v>636</v>
      </c>
      <c r="C524" s="104"/>
      <c r="D524" s="104"/>
      <c r="E524" s="46"/>
      <c r="F524" s="107"/>
      <c r="G524" s="109"/>
      <c r="H524" s="110"/>
    </row>
    <row r="525" spans="1:8" s="23" customFormat="1" ht="24.95" customHeight="1" x14ac:dyDescent="0.25">
      <c r="A525" s="44" t="s">
        <v>47</v>
      </c>
      <c r="B525" s="42" t="s">
        <v>637</v>
      </c>
      <c r="C525" s="104"/>
      <c r="D525" s="104"/>
      <c r="E525" s="46"/>
      <c r="F525" s="107"/>
      <c r="G525" s="109"/>
      <c r="H525" s="110"/>
    </row>
    <row r="526" spans="1:8" s="23" customFormat="1" ht="24.95" customHeight="1" x14ac:dyDescent="0.25">
      <c r="A526" s="44" t="s">
        <v>48</v>
      </c>
      <c r="B526" s="42" t="s">
        <v>638</v>
      </c>
      <c r="C526" s="104"/>
      <c r="D526" s="104"/>
      <c r="E526" s="46"/>
      <c r="F526" s="107"/>
      <c r="G526" s="109"/>
      <c r="H526" s="110"/>
    </row>
    <row r="527" spans="1:8" s="23" customFormat="1" ht="24.95" customHeight="1" x14ac:dyDescent="0.25">
      <c r="A527" s="44" t="s">
        <v>49</v>
      </c>
      <c r="B527" s="42" t="s">
        <v>639</v>
      </c>
      <c r="C527" s="104"/>
      <c r="D527" s="104"/>
      <c r="E527" s="46"/>
      <c r="F527" s="107"/>
      <c r="G527" s="109"/>
      <c r="H527" s="110"/>
    </row>
    <row r="528" spans="1:8" s="23" customFormat="1" ht="24.95" customHeight="1" x14ac:dyDescent="0.25">
      <c r="A528" s="44" t="s">
        <v>50</v>
      </c>
      <c r="B528" s="42" t="s">
        <v>410</v>
      </c>
      <c r="C528" s="112"/>
      <c r="D528" s="112"/>
      <c r="E528" s="46"/>
      <c r="F528" s="111"/>
      <c r="G528" s="109"/>
      <c r="H528" s="110"/>
    </row>
    <row r="529" spans="1:8" s="23" customFormat="1" ht="24.95" customHeight="1" x14ac:dyDescent="0.25">
      <c r="A529" s="49" t="s">
        <v>142</v>
      </c>
      <c r="B529" s="100" t="s">
        <v>309</v>
      </c>
      <c r="C529" s="101"/>
      <c r="D529" s="101"/>
      <c r="E529" s="101"/>
      <c r="F529" s="101"/>
      <c r="G529" s="101"/>
      <c r="H529" s="102"/>
    </row>
    <row r="530" spans="1:8" s="23" customFormat="1" ht="24.95" customHeight="1" x14ac:dyDescent="0.25">
      <c r="A530" s="44" t="s">
        <v>11</v>
      </c>
      <c r="B530" s="42" t="s">
        <v>633</v>
      </c>
      <c r="C530" s="103" t="s">
        <v>753</v>
      </c>
      <c r="D530" s="103"/>
      <c r="E530" s="46"/>
      <c r="F530" s="106"/>
      <c r="G530" s="109"/>
      <c r="H530" s="110"/>
    </row>
    <row r="531" spans="1:8" s="23" customFormat="1" ht="24.95" customHeight="1" x14ac:dyDescent="0.25">
      <c r="A531" s="44" t="s">
        <v>44</v>
      </c>
      <c r="B531" s="42" t="s">
        <v>634</v>
      </c>
      <c r="C531" s="104"/>
      <c r="D531" s="104"/>
      <c r="E531" s="46"/>
      <c r="F531" s="107"/>
      <c r="G531" s="109"/>
      <c r="H531" s="110"/>
    </row>
    <row r="532" spans="1:8" s="23" customFormat="1" ht="24.95" customHeight="1" x14ac:dyDescent="0.25">
      <c r="A532" s="44" t="s">
        <v>45</v>
      </c>
      <c r="B532" s="42" t="s">
        <v>635</v>
      </c>
      <c r="C532" s="104"/>
      <c r="D532" s="104"/>
      <c r="E532" s="46"/>
      <c r="F532" s="107"/>
      <c r="G532" s="109"/>
      <c r="H532" s="110"/>
    </row>
    <row r="533" spans="1:8" s="23" customFormat="1" ht="24.95" customHeight="1" x14ac:dyDescent="0.25">
      <c r="A533" s="44" t="s">
        <v>46</v>
      </c>
      <c r="B533" s="42" t="s">
        <v>640</v>
      </c>
      <c r="C533" s="104"/>
      <c r="D533" s="104"/>
      <c r="E533" s="46"/>
      <c r="F533" s="107"/>
      <c r="G533" s="109"/>
      <c r="H533" s="110"/>
    </row>
    <row r="534" spans="1:8" s="23" customFormat="1" ht="24.95" customHeight="1" x14ac:dyDescent="0.25">
      <c r="A534" s="44" t="s">
        <v>47</v>
      </c>
      <c r="B534" s="42" t="s">
        <v>637</v>
      </c>
      <c r="C534" s="104"/>
      <c r="D534" s="104"/>
      <c r="E534" s="46"/>
      <c r="F534" s="107"/>
      <c r="G534" s="109"/>
      <c r="H534" s="110"/>
    </row>
    <row r="535" spans="1:8" s="23" customFormat="1" ht="24.95" customHeight="1" x14ac:dyDescent="0.25">
      <c r="A535" s="44" t="s">
        <v>48</v>
      </c>
      <c r="B535" s="42" t="s">
        <v>638</v>
      </c>
      <c r="C535" s="104"/>
      <c r="D535" s="104"/>
      <c r="E535" s="46"/>
      <c r="F535" s="107"/>
      <c r="G535" s="109"/>
      <c r="H535" s="110"/>
    </row>
    <row r="536" spans="1:8" s="23" customFormat="1" ht="24.95" customHeight="1" x14ac:dyDescent="0.25">
      <c r="A536" s="44" t="s">
        <v>49</v>
      </c>
      <c r="B536" s="42" t="s">
        <v>641</v>
      </c>
      <c r="C536" s="104"/>
      <c r="D536" s="104"/>
      <c r="E536" s="46"/>
      <c r="F536" s="107"/>
      <c r="G536" s="109"/>
      <c r="H536" s="110"/>
    </row>
    <row r="537" spans="1:8" s="23" customFormat="1" ht="24.95" customHeight="1" x14ac:dyDescent="0.25">
      <c r="A537" s="44" t="s">
        <v>50</v>
      </c>
      <c r="B537" s="42" t="s">
        <v>410</v>
      </c>
      <c r="C537" s="112"/>
      <c r="D537" s="112"/>
      <c r="E537" s="46"/>
      <c r="F537" s="111"/>
      <c r="G537" s="109"/>
      <c r="H537" s="110"/>
    </row>
    <row r="538" spans="1:8" s="23" customFormat="1" ht="24.95" customHeight="1" x14ac:dyDescent="0.25">
      <c r="A538" s="49" t="s">
        <v>143</v>
      </c>
      <c r="B538" s="100" t="s">
        <v>310</v>
      </c>
      <c r="C538" s="101"/>
      <c r="D538" s="101"/>
      <c r="E538" s="101"/>
      <c r="F538" s="101"/>
      <c r="G538" s="101"/>
      <c r="H538" s="102"/>
    </row>
    <row r="539" spans="1:8" s="23" customFormat="1" ht="24.95" customHeight="1" x14ac:dyDescent="0.25">
      <c r="A539" s="44" t="s">
        <v>11</v>
      </c>
      <c r="B539" s="42" t="s">
        <v>633</v>
      </c>
      <c r="C539" s="103" t="s">
        <v>753</v>
      </c>
      <c r="D539" s="103"/>
      <c r="E539" s="46"/>
      <c r="F539" s="106"/>
      <c r="G539" s="109"/>
      <c r="H539" s="110"/>
    </row>
    <row r="540" spans="1:8" s="23" customFormat="1" ht="24.95" customHeight="1" x14ac:dyDescent="0.25">
      <c r="A540" s="44" t="s">
        <v>44</v>
      </c>
      <c r="B540" s="42" t="s">
        <v>634</v>
      </c>
      <c r="C540" s="104"/>
      <c r="D540" s="104"/>
      <c r="E540" s="46"/>
      <c r="F540" s="107"/>
      <c r="G540" s="109"/>
      <c r="H540" s="110"/>
    </row>
    <row r="541" spans="1:8" s="23" customFormat="1" ht="24.95" customHeight="1" x14ac:dyDescent="0.25">
      <c r="A541" s="44" t="s">
        <v>45</v>
      </c>
      <c r="B541" s="42" t="s">
        <v>635</v>
      </c>
      <c r="C541" s="104"/>
      <c r="D541" s="104"/>
      <c r="E541" s="46"/>
      <c r="F541" s="107"/>
      <c r="G541" s="109"/>
      <c r="H541" s="110"/>
    </row>
    <row r="542" spans="1:8" s="23" customFormat="1" ht="24.95" customHeight="1" x14ac:dyDescent="0.25">
      <c r="A542" s="44" t="s">
        <v>46</v>
      </c>
      <c r="B542" s="42" t="s">
        <v>642</v>
      </c>
      <c r="C542" s="104"/>
      <c r="D542" s="104"/>
      <c r="E542" s="46"/>
      <c r="F542" s="107"/>
      <c r="G542" s="109"/>
      <c r="H542" s="110"/>
    </row>
    <row r="543" spans="1:8" s="23" customFormat="1" ht="24.95" customHeight="1" x14ac:dyDescent="0.25">
      <c r="A543" s="44" t="s">
        <v>47</v>
      </c>
      <c r="B543" s="42" t="s">
        <v>637</v>
      </c>
      <c r="C543" s="104"/>
      <c r="D543" s="104"/>
      <c r="E543" s="46"/>
      <c r="F543" s="107"/>
      <c r="G543" s="109"/>
      <c r="H543" s="110"/>
    </row>
    <row r="544" spans="1:8" s="23" customFormat="1" ht="24.95" customHeight="1" x14ac:dyDescent="0.25">
      <c r="A544" s="44" t="s">
        <v>48</v>
      </c>
      <c r="B544" s="42" t="s">
        <v>638</v>
      </c>
      <c r="C544" s="104"/>
      <c r="D544" s="104"/>
      <c r="E544" s="46"/>
      <c r="F544" s="107"/>
      <c r="G544" s="109"/>
      <c r="H544" s="110"/>
    </row>
    <row r="545" spans="1:8" s="23" customFormat="1" ht="24.95" customHeight="1" x14ac:dyDescent="0.25">
      <c r="A545" s="44" t="s">
        <v>49</v>
      </c>
      <c r="B545" s="42" t="s">
        <v>643</v>
      </c>
      <c r="C545" s="104"/>
      <c r="D545" s="104"/>
      <c r="E545" s="46"/>
      <c r="F545" s="107"/>
      <c r="G545" s="109"/>
      <c r="H545" s="110"/>
    </row>
    <row r="546" spans="1:8" s="23" customFormat="1" ht="24.95" customHeight="1" x14ac:dyDescent="0.25">
      <c r="A546" s="44" t="s">
        <v>50</v>
      </c>
      <c r="B546" s="42" t="s">
        <v>410</v>
      </c>
      <c r="C546" s="112"/>
      <c r="D546" s="112"/>
      <c r="E546" s="46"/>
      <c r="F546" s="111"/>
      <c r="G546" s="109"/>
      <c r="H546" s="110"/>
    </row>
    <row r="547" spans="1:8" s="23" customFormat="1" ht="24.95" customHeight="1" x14ac:dyDescent="0.25">
      <c r="A547" s="49" t="s">
        <v>144</v>
      </c>
      <c r="B547" s="100" t="s">
        <v>311</v>
      </c>
      <c r="C547" s="101"/>
      <c r="D547" s="101"/>
      <c r="E547" s="101"/>
      <c r="F547" s="101"/>
      <c r="G547" s="101"/>
      <c r="H547" s="102"/>
    </row>
    <row r="548" spans="1:8" s="23" customFormat="1" ht="24.95" customHeight="1" x14ac:dyDescent="0.25">
      <c r="A548" s="44" t="s">
        <v>11</v>
      </c>
      <c r="B548" s="42" t="s">
        <v>633</v>
      </c>
      <c r="C548" s="103" t="s">
        <v>753</v>
      </c>
      <c r="D548" s="103"/>
      <c r="E548" s="46"/>
      <c r="F548" s="106"/>
      <c r="G548" s="109"/>
      <c r="H548" s="110"/>
    </row>
    <row r="549" spans="1:8" s="23" customFormat="1" ht="24.95" customHeight="1" x14ac:dyDescent="0.25">
      <c r="A549" s="44" t="s">
        <v>44</v>
      </c>
      <c r="B549" s="42" t="s">
        <v>634</v>
      </c>
      <c r="C549" s="104"/>
      <c r="D549" s="104"/>
      <c r="E549" s="46"/>
      <c r="F549" s="107"/>
      <c r="G549" s="109"/>
      <c r="H549" s="110"/>
    </row>
    <row r="550" spans="1:8" s="23" customFormat="1" ht="24.95" customHeight="1" x14ac:dyDescent="0.25">
      <c r="A550" s="44" t="s">
        <v>45</v>
      </c>
      <c r="B550" s="42" t="s">
        <v>635</v>
      </c>
      <c r="C550" s="104"/>
      <c r="D550" s="104"/>
      <c r="E550" s="46"/>
      <c r="F550" s="107"/>
      <c r="G550" s="109"/>
      <c r="H550" s="110"/>
    </row>
    <row r="551" spans="1:8" s="23" customFormat="1" ht="24.95" customHeight="1" x14ac:dyDescent="0.25">
      <c r="A551" s="44" t="s">
        <v>46</v>
      </c>
      <c r="B551" s="42" t="s">
        <v>644</v>
      </c>
      <c r="C551" s="104"/>
      <c r="D551" s="104"/>
      <c r="E551" s="46"/>
      <c r="F551" s="107"/>
      <c r="G551" s="109"/>
      <c r="H551" s="110"/>
    </row>
    <row r="552" spans="1:8" s="23" customFormat="1" ht="24.95" customHeight="1" x14ac:dyDescent="0.25">
      <c r="A552" s="44" t="s">
        <v>47</v>
      </c>
      <c r="B552" s="42" t="s">
        <v>637</v>
      </c>
      <c r="C552" s="104"/>
      <c r="D552" s="104"/>
      <c r="E552" s="46"/>
      <c r="F552" s="107"/>
      <c r="G552" s="109"/>
      <c r="H552" s="110"/>
    </row>
    <row r="553" spans="1:8" s="23" customFormat="1" ht="24.95" customHeight="1" x14ac:dyDescent="0.25">
      <c r="A553" s="44" t="s">
        <v>48</v>
      </c>
      <c r="B553" s="42" t="s">
        <v>638</v>
      </c>
      <c r="C553" s="104"/>
      <c r="D553" s="104"/>
      <c r="E553" s="46"/>
      <c r="F553" s="107"/>
      <c r="G553" s="109"/>
      <c r="H553" s="110"/>
    </row>
    <row r="554" spans="1:8" s="23" customFormat="1" ht="24.95" customHeight="1" x14ac:dyDescent="0.25">
      <c r="A554" s="44" t="s">
        <v>49</v>
      </c>
      <c r="B554" s="42" t="s">
        <v>645</v>
      </c>
      <c r="C554" s="104"/>
      <c r="D554" s="104"/>
      <c r="E554" s="46"/>
      <c r="F554" s="107"/>
      <c r="G554" s="109"/>
      <c r="H554" s="110"/>
    </row>
    <row r="555" spans="1:8" s="23" customFormat="1" ht="24.95" customHeight="1" x14ac:dyDescent="0.25">
      <c r="A555" s="44" t="s">
        <v>50</v>
      </c>
      <c r="B555" s="42" t="s">
        <v>410</v>
      </c>
      <c r="C555" s="112"/>
      <c r="D555" s="112"/>
      <c r="E555" s="46"/>
      <c r="F555" s="111"/>
      <c r="G555" s="109"/>
      <c r="H555" s="110"/>
    </row>
    <row r="556" spans="1:8" s="23" customFormat="1" ht="24.95" customHeight="1" x14ac:dyDescent="0.25">
      <c r="A556" s="49" t="s">
        <v>145</v>
      </c>
      <c r="B556" s="100" t="s">
        <v>312</v>
      </c>
      <c r="C556" s="101"/>
      <c r="D556" s="101"/>
      <c r="E556" s="101"/>
      <c r="F556" s="101"/>
      <c r="G556" s="101"/>
      <c r="H556" s="102"/>
    </row>
    <row r="557" spans="1:8" s="23" customFormat="1" ht="24.95" customHeight="1" x14ac:dyDescent="0.25">
      <c r="A557" s="44" t="s">
        <v>11</v>
      </c>
      <c r="B557" s="42" t="s">
        <v>633</v>
      </c>
      <c r="C557" s="103" t="s">
        <v>753</v>
      </c>
      <c r="D557" s="103"/>
      <c r="E557" s="46"/>
      <c r="F557" s="106"/>
      <c r="G557" s="109"/>
      <c r="H557" s="110"/>
    </row>
    <row r="558" spans="1:8" s="23" customFormat="1" ht="24.95" customHeight="1" x14ac:dyDescent="0.25">
      <c r="A558" s="44" t="s">
        <v>44</v>
      </c>
      <c r="B558" s="42" t="s">
        <v>634</v>
      </c>
      <c r="C558" s="104"/>
      <c r="D558" s="104"/>
      <c r="E558" s="46"/>
      <c r="F558" s="107"/>
      <c r="G558" s="109"/>
      <c r="H558" s="110"/>
    </row>
    <row r="559" spans="1:8" s="23" customFormat="1" ht="24.95" customHeight="1" x14ac:dyDescent="0.25">
      <c r="A559" s="44" t="s">
        <v>45</v>
      </c>
      <c r="B559" s="42" t="s">
        <v>635</v>
      </c>
      <c r="C559" s="104"/>
      <c r="D559" s="104"/>
      <c r="E559" s="46"/>
      <c r="F559" s="107"/>
      <c r="G559" s="109"/>
      <c r="H559" s="110"/>
    </row>
    <row r="560" spans="1:8" s="23" customFormat="1" ht="24.95" customHeight="1" x14ac:dyDescent="0.25">
      <c r="A560" s="44" t="s">
        <v>46</v>
      </c>
      <c r="B560" s="42" t="s">
        <v>646</v>
      </c>
      <c r="C560" s="104"/>
      <c r="D560" s="104"/>
      <c r="E560" s="46"/>
      <c r="F560" s="107"/>
      <c r="G560" s="109"/>
      <c r="H560" s="110"/>
    </row>
    <row r="561" spans="1:8" s="23" customFormat="1" ht="24.95" customHeight="1" x14ac:dyDescent="0.25">
      <c r="A561" s="44" t="s">
        <v>47</v>
      </c>
      <c r="B561" s="42" t="s">
        <v>637</v>
      </c>
      <c r="C561" s="104"/>
      <c r="D561" s="104"/>
      <c r="E561" s="46"/>
      <c r="F561" s="107"/>
      <c r="G561" s="109"/>
      <c r="H561" s="110"/>
    </row>
    <row r="562" spans="1:8" s="23" customFormat="1" ht="24.95" customHeight="1" x14ac:dyDescent="0.25">
      <c r="A562" s="44" t="s">
        <v>48</v>
      </c>
      <c r="B562" s="42" t="s">
        <v>638</v>
      </c>
      <c r="C562" s="104"/>
      <c r="D562" s="104"/>
      <c r="E562" s="46"/>
      <c r="F562" s="107"/>
      <c r="G562" s="109"/>
      <c r="H562" s="110"/>
    </row>
    <row r="563" spans="1:8" s="23" customFormat="1" ht="24.95" customHeight="1" x14ac:dyDescent="0.25">
      <c r="A563" s="44" t="s">
        <v>49</v>
      </c>
      <c r="B563" s="42" t="s">
        <v>647</v>
      </c>
      <c r="C563" s="104"/>
      <c r="D563" s="104"/>
      <c r="E563" s="46"/>
      <c r="F563" s="107"/>
      <c r="G563" s="109"/>
      <c r="H563" s="110"/>
    </row>
    <row r="564" spans="1:8" s="23" customFormat="1" ht="24.95" customHeight="1" x14ac:dyDescent="0.25">
      <c r="A564" s="44" t="s">
        <v>50</v>
      </c>
      <c r="B564" s="42" t="s">
        <v>410</v>
      </c>
      <c r="C564" s="112"/>
      <c r="D564" s="112"/>
      <c r="E564" s="46"/>
      <c r="F564" s="111"/>
      <c r="G564" s="109"/>
      <c r="H564" s="110"/>
    </row>
    <row r="565" spans="1:8" s="23" customFormat="1" ht="24.95" customHeight="1" x14ac:dyDescent="0.25">
      <c r="A565" s="49" t="s">
        <v>146</v>
      </c>
      <c r="B565" s="100" t="s">
        <v>313</v>
      </c>
      <c r="C565" s="101"/>
      <c r="D565" s="101"/>
      <c r="E565" s="101"/>
      <c r="F565" s="101"/>
      <c r="G565" s="101"/>
      <c r="H565" s="102"/>
    </row>
    <row r="566" spans="1:8" s="23" customFormat="1" ht="24.95" customHeight="1" x14ac:dyDescent="0.25">
      <c r="A566" s="44" t="s">
        <v>11</v>
      </c>
      <c r="B566" s="42" t="s">
        <v>633</v>
      </c>
      <c r="C566" s="103" t="s">
        <v>753</v>
      </c>
      <c r="D566" s="103"/>
      <c r="E566" s="46"/>
      <c r="F566" s="106"/>
      <c r="G566" s="109"/>
      <c r="H566" s="110"/>
    </row>
    <row r="567" spans="1:8" s="23" customFormat="1" ht="24.95" customHeight="1" x14ac:dyDescent="0.25">
      <c r="A567" s="44" t="s">
        <v>44</v>
      </c>
      <c r="B567" s="42" t="s">
        <v>634</v>
      </c>
      <c r="C567" s="104"/>
      <c r="D567" s="104"/>
      <c r="E567" s="46"/>
      <c r="F567" s="107"/>
      <c r="G567" s="109"/>
      <c r="H567" s="110"/>
    </row>
    <row r="568" spans="1:8" s="23" customFormat="1" ht="24.95" customHeight="1" x14ac:dyDescent="0.25">
      <c r="A568" s="44" t="s">
        <v>45</v>
      </c>
      <c r="B568" s="42" t="s">
        <v>635</v>
      </c>
      <c r="C568" s="104"/>
      <c r="D568" s="104"/>
      <c r="E568" s="46"/>
      <c r="F568" s="107"/>
      <c r="G568" s="109"/>
      <c r="H568" s="110"/>
    </row>
    <row r="569" spans="1:8" s="23" customFormat="1" ht="24.95" customHeight="1" x14ac:dyDescent="0.25">
      <c r="A569" s="44" t="s">
        <v>46</v>
      </c>
      <c r="B569" s="42" t="s">
        <v>648</v>
      </c>
      <c r="C569" s="104"/>
      <c r="D569" s="104"/>
      <c r="E569" s="46"/>
      <c r="F569" s="107"/>
      <c r="G569" s="109"/>
      <c r="H569" s="110"/>
    </row>
    <row r="570" spans="1:8" s="23" customFormat="1" ht="24.95" customHeight="1" x14ac:dyDescent="0.25">
      <c r="A570" s="44" t="s">
        <v>47</v>
      </c>
      <c r="B570" s="42" t="s">
        <v>637</v>
      </c>
      <c r="C570" s="104"/>
      <c r="D570" s="104"/>
      <c r="E570" s="46"/>
      <c r="F570" s="107"/>
      <c r="G570" s="109"/>
      <c r="H570" s="110"/>
    </row>
    <row r="571" spans="1:8" s="23" customFormat="1" ht="24.95" customHeight="1" x14ac:dyDescent="0.25">
      <c r="A571" s="44" t="s">
        <v>48</v>
      </c>
      <c r="B571" s="42" t="s">
        <v>638</v>
      </c>
      <c r="C571" s="104"/>
      <c r="D571" s="104"/>
      <c r="E571" s="46"/>
      <c r="F571" s="107"/>
      <c r="G571" s="109"/>
      <c r="H571" s="110"/>
    </row>
    <row r="572" spans="1:8" s="23" customFormat="1" ht="24.95" customHeight="1" x14ac:dyDescent="0.25">
      <c r="A572" s="44" t="s">
        <v>49</v>
      </c>
      <c r="B572" s="42" t="s">
        <v>649</v>
      </c>
      <c r="C572" s="104"/>
      <c r="D572" s="104"/>
      <c r="E572" s="46"/>
      <c r="F572" s="107"/>
      <c r="G572" s="109"/>
      <c r="H572" s="110"/>
    </row>
    <row r="573" spans="1:8" s="23" customFormat="1" ht="24.95" customHeight="1" x14ac:dyDescent="0.25">
      <c r="A573" s="44" t="s">
        <v>50</v>
      </c>
      <c r="B573" s="42" t="s">
        <v>410</v>
      </c>
      <c r="C573" s="112"/>
      <c r="D573" s="112"/>
      <c r="E573" s="46"/>
      <c r="F573" s="111"/>
      <c r="G573" s="109"/>
      <c r="H573" s="110"/>
    </row>
    <row r="574" spans="1:8" s="23" customFormat="1" ht="24.95" customHeight="1" x14ac:dyDescent="0.25">
      <c r="A574" s="49" t="s">
        <v>147</v>
      </c>
      <c r="B574" s="100" t="s">
        <v>314</v>
      </c>
      <c r="C574" s="101"/>
      <c r="D574" s="101"/>
      <c r="E574" s="101"/>
      <c r="F574" s="101"/>
      <c r="G574" s="101"/>
      <c r="H574" s="102"/>
    </row>
    <row r="575" spans="1:8" s="23" customFormat="1" ht="24.95" customHeight="1" x14ac:dyDescent="0.25">
      <c r="A575" s="44" t="s">
        <v>11</v>
      </c>
      <c r="B575" s="42" t="s">
        <v>402</v>
      </c>
      <c r="C575" s="103" t="s">
        <v>786</v>
      </c>
      <c r="D575" s="103"/>
      <c r="E575" s="46"/>
      <c r="F575" s="106"/>
      <c r="G575" s="109"/>
      <c r="H575" s="110"/>
    </row>
    <row r="576" spans="1:8" s="23" customFormat="1" ht="24.95" customHeight="1" x14ac:dyDescent="0.25">
      <c r="A576" s="44" t="s">
        <v>44</v>
      </c>
      <c r="B576" s="42" t="s">
        <v>650</v>
      </c>
      <c r="C576" s="104"/>
      <c r="D576" s="104"/>
      <c r="E576" s="46"/>
      <c r="F576" s="107"/>
      <c r="G576" s="109"/>
      <c r="H576" s="110"/>
    </row>
    <row r="577" spans="1:8" s="23" customFormat="1" ht="24.95" customHeight="1" x14ac:dyDescent="0.25">
      <c r="A577" s="44" t="s">
        <v>45</v>
      </c>
      <c r="B577" s="42" t="s">
        <v>651</v>
      </c>
      <c r="C577" s="104"/>
      <c r="D577" s="104"/>
      <c r="E577" s="46"/>
      <c r="F577" s="107"/>
      <c r="G577" s="109"/>
      <c r="H577" s="110"/>
    </row>
    <row r="578" spans="1:8" s="23" customFormat="1" ht="24.95" customHeight="1" x14ac:dyDescent="0.25">
      <c r="A578" s="44" t="s">
        <v>46</v>
      </c>
      <c r="B578" s="42" t="s">
        <v>652</v>
      </c>
      <c r="C578" s="104"/>
      <c r="D578" s="104"/>
      <c r="E578" s="46"/>
      <c r="F578" s="107"/>
      <c r="G578" s="109"/>
      <c r="H578" s="110"/>
    </row>
    <row r="579" spans="1:8" s="23" customFormat="1" ht="24.95" customHeight="1" x14ac:dyDescent="0.25">
      <c r="A579" s="44" t="s">
        <v>47</v>
      </c>
      <c r="B579" s="42" t="s">
        <v>470</v>
      </c>
      <c r="C579" s="104"/>
      <c r="D579" s="104"/>
      <c r="E579" s="46"/>
      <c r="F579" s="107"/>
      <c r="G579" s="109"/>
      <c r="H579" s="110"/>
    </row>
    <row r="580" spans="1:8" s="23" customFormat="1" ht="24.95" customHeight="1" x14ac:dyDescent="0.25">
      <c r="A580" s="44" t="s">
        <v>48</v>
      </c>
      <c r="B580" s="42" t="s">
        <v>406</v>
      </c>
      <c r="C580" s="112"/>
      <c r="D580" s="112"/>
      <c r="E580" s="46"/>
      <c r="F580" s="111"/>
      <c r="G580" s="109"/>
      <c r="H580" s="110"/>
    </row>
    <row r="581" spans="1:8" s="23" customFormat="1" ht="24.95" customHeight="1" x14ac:dyDescent="0.25">
      <c r="A581" s="49" t="s">
        <v>148</v>
      </c>
      <c r="B581" s="100" t="s">
        <v>315</v>
      </c>
      <c r="C581" s="101"/>
      <c r="D581" s="101"/>
      <c r="E581" s="101"/>
      <c r="F581" s="101"/>
      <c r="G581" s="101"/>
      <c r="H581" s="102"/>
    </row>
    <row r="582" spans="1:8" s="23" customFormat="1" ht="24.95" customHeight="1" x14ac:dyDescent="0.25">
      <c r="A582" s="44" t="s">
        <v>11</v>
      </c>
      <c r="B582" s="42" t="s">
        <v>402</v>
      </c>
      <c r="C582" s="103" t="s">
        <v>787</v>
      </c>
      <c r="D582" s="103"/>
      <c r="E582" s="46"/>
      <c r="F582" s="106"/>
      <c r="G582" s="109"/>
      <c r="H582" s="110"/>
    </row>
    <row r="583" spans="1:8" s="23" customFormat="1" ht="24.95" customHeight="1" x14ac:dyDescent="0.25">
      <c r="A583" s="44" t="s">
        <v>44</v>
      </c>
      <c r="B583" s="42" t="s">
        <v>650</v>
      </c>
      <c r="C583" s="104"/>
      <c r="D583" s="104"/>
      <c r="E583" s="46"/>
      <c r="F583" s="107"/>
      <c r="G583" s="109"/>
      <c r="H583" s="110"/>
    </row>
    <row r="584" spans="1:8" s="23" customFormat="1" ht="24.95" customHeight="1" x14ac:dyDescent="0.25">
      <c r="A584" s="44" t="s">
        <v>45</v>
      </c>
      <c r="B584" s="42" t="s">
        <v>652</v>
      </c>
      <c r="C584" s="104"/>
      <c r="D584" s="104"/>
      <c r="E584" s="46"/>
      <c r="F584" s="107"/>
      <c r="G584" s="109"/>
      <c r="H584" s="110"/>
    </row>
    <row r="585" spans="1:8" s="23" customFormat="1" ht="24.95" customHeight="1" x14ac:dyDescent="0.25">
      <c r="A585" s="44" t="s">
        <v>46</v>
      </c>
      <c r="B585" s="42" t="s">
        <v>653</v>
      </c>
      <c r="C585" s="104"/>
      <c r="D585" s="104"/>
      <c r="E585" s="46"/>
      <c r="F585" s="107"/>
      <c r="G585" s="109"/>
      <c r="H585" s="110"/>
    </row>
    <row r="586" spans="1:8" s="23" customFormat="1" ht="24.95" customHeight="1" x14ac:dyDescent="0.25">
      <c r="A586" s="44" t="s">
        <v>47</v>
      </c>
      <c r="B586" s="42" t="s">
        <v>654</v>
      </c>
      <c r="C586" s="104"/>
      <c r="D586" s="104"/>
      <c r="E586" s="46"/>
      <c r="F586" s="107"/>
      <c r="G586" s="109"/>
      <c r="H586" s="110"/>
    </row>
    <row r="587" spans="1:8" s="23" customFormat="1" ht="24.95" customHeight="1" x14ac:dyDescent="0.25">
      <c r="A587" s="44" t="s">
        <v>48</v>
      </c>
      <c r="B587" s="42" t="s">
        <v>470</v>
      </c>
      <c r="C587" s="104"/>
      <c r="D587" s="104"/>
      <c r="E587" s="46"/>
      <c r="F587" s="107"/>
      <c r="G587" s="109"/>
      <c r="H587" s="110"/>
    </row>
    <row r="588" spans="1:8" s="23" customFormat="1" ht="24.95" customHeight="1" x14ac:dyDescent="0.25">
      <c r="A588" s="44" t="s">
        <v>49</v>
      </c>
      <c r="B588" s="42" t="s">
        <v>406</v>
      </c>
      <c r="C588" s="112"/>
      <c r="D588" s="112"/>
      <c r="E588" s="46"/>
      <c r="F588" s="111"/>
      <c r="G588" s="109"/>
      <c r="H588" s="110"/>
    </row>
    <row r="589" spans="1:8" s="23" customFormat="1" ht="24.95" customHeight="1" x14ac:dyDescent="0.25">
      <c r="A589" s="49" t="s">
        <v>149</v>
      </c>
      <c r="B589" s="100" t="s">
        <v>316</v>
      </c>
      <c r="C589" s="101"/>
      <c r="D589" s="101"/>
      <c r="E589" s="101"/>
      <c r="F589" s="101"/>
      <c r="G589" s="101"/>
      <c r="H589" s="102"/>
    </row>
    <row r="590" spans="1:8" s="23" customFormat="1" ht="24.95" customHeight="1" x14ac:dyDescent="0.25">
      <c r="A590" s="44" t="s">
        <v>11</v>
      </c>
      <c r="B590" s="42" t="s">
        <v>655</v>
      </c>
      <c r="C590" s="103" t="s">
        <v>788</v>
      </c>
      <c r="D590" s="103"/>
      <c r="E590" s="46"/>
      <c r="F590" s="106"/>
      <c r="G590" s="109"/>
      <c r="H590" s="110"/>
    </row>
    <row r="591" spans="1:8" s="23" customFormat="1" ht="24.95" customHeight="1" x14ac:dyDescent="0.25">
      <c r="A591" s="44" t="s">
        <v>44</v>
      </c>
      <c r="B591" s="42" t="s">
        <v>656</v>
      </c>
      <c r="C591" s="104"/>
      <c r="D591" s="104"/>
      <c r="E591" s="46"/>
      <c r="F591" s="107"/>
      <c r="G591" s="109"/>
      <c r="H591" s="110"/>
    </row>
    <row r="592" spans="1:8" s="23" customFormat="1" ht="24.95" customHeight="1" x14ac:dyDescent="0.25">
      <c r="A592" s="44" t="s">
        <v>45</v>
      </c>
      <c r="B592" s="42" t="s">
        <v>406</v>
      </c>
      <c r="C592" s="112"/>
      <c r="D592" s="112"/>
      <c r="E592" s="46"/>
      <c r="F592" s="111"/>
      <c r="G592" s="109"/>
      <c r="H592" s="110"/>
    </row>
    <row r="593" spans="1:8" s="23" customFormat="1" ht="24.95" customHeight="1" x14ac:dyDescent="0.25">
      <c r="A593" s="49" t="s">
        <v>150</v>
      </c>
      <c r="B593" s="100" t="s">
        <v>317</v>
      </c>
      <c r="C593" s="101"/>
      <c r="D593" s="101"/>
      <c r="E593" s="101"/>
      <c r="F593" s="101"/>
      <c r="G593" s="101"/>
      <c r="H593" s="102"/>
    </row>
    <row r="594" spans="1:8" s="23" customFormat="1" ht="24.95" customHeight="1" x14ac:dyDescent="0.25">
      <c r="A594" s="44" t="s">
        <v>11</v>
      </c>
      <c r="B594" s="42" t="s">
        <v>657</v>
      </c>
      <c r="C594" s="103" t="s">
        <v>753</v>
      </c>
      <c r="D594" s="103"/>
      <c r="E594" s="46"/>
      <c r="F594" s="106"/>
      <c r="G594" s="109"/>
      <c r="H594" s="110"/>
    </row>
    <row r="595" spans="1:8" s="23" customFormat="1" ht="24.95" customHeight="1" x14ac:dyDescent="0.25">
      <c r="A595" s="44" t="s">
        <v>44</v>
      </c>
      <c r="B595" s="42" t="s">
        <v>658</v>
      </c>
      <c r="C595" s="104"/>
      <c r="D595" s="104"/>
      <c r="E595" s="46"/>
      <c r="F595" s="107"/>
      <c r="G595" s="109"/>
      <c r="H595" s="110"/>
    </row>
    <row r="596" spans="1:8" s="23" customFormat="1" ht="24.95" customHeight="1" x14ac:dyDescent="0.25">
      <c r="A596" s="44" t="s">
        <v>45</v>
      </c>
      <c r="B596" s="42" t="s">
        <v>659</v>
      </c>
      <c r="C596" s="104"/>
      <c r="D596" s="104"/>
      <c r="E596" s="46"/>
      <c r="F596" s="107"/>
      <c r="G596" s="109"/>
      <c r="H596" s="110"/>
    </row>
    <row r="597" spans="1:8" s="23" customFormat="1" ht="24.95" customHeight="1" x14ac:dyDescent="0.25">
      <c r="A597" s="44" t="s">
        <v>46</v>
      </c>
      <c r="B597" s="42" t="s">
        <v>660</v>
      </c>
      <c r="C597" s="104"/>
      <c r="D597" s="104"/>
      <c r="E597" s="46"/>
      <c r="F597" s="107"/>
      <c r="G597" s="109"/>
      <c r="H597" s="110"/>
    </row>
    <row r="598" spans="1:8" s="23" customFormat="1" ht="24.95" customHeight="1" x14ac:dyDescent="0.25">
      <c r="A598" s="44" t="s">
        <v>47</v>
      </c>
      <c r="B598" s="42" t="s">
        <v>661</v>
      </c>
      <c r="C598" s="104"/>
      <c r="D598" s="104"/>
      <c r="E598" s="46"/>
      <c r="F598" s="107"/>
      <c r="G598" s="109"/>
      <c r="H598" s="110"/>
    </row>
    <row r="599" spans="1:8" s="23" customFormat="1" ht="24.95" customHeight="1" x14ac:dyDescent="0.25">
      <c r="A599" s="44" t="s">
        <v>48</v>
      </c>
      <c r="B599" s="42" t="s">
        <v>662</v>
      </c>
      <c r="C599" s="104"/>
      <c r="D599" s="104"/>
      <c r="E599" s="46"/>
      <c r="F599" s="107"/>
      <c r="G599" s="109"/>
      <c r="H599" s="110"/>
    </row>
    <row r="600" spans="1:8" s="23" customFormat="1" ht="24.95" customHeight="1" x14ac:dyDescent="0.25">
      <c r="A600" s="44" t="s">
        <v>49</v>
      </c>
      <c r="B600" s="42" t="s">
        <v>663</v>
      </c>
      <c r="C600" s="104"/>
      <c r="D600" s="104"/>
      <c r="E600" s="46"/>
      <c r="F600" s="107"/>
      <c r="G600" s="109"/>
      <c r="H600" s="110"/>
    </row>
    <row r="601" spans="1:8" s="23" customFormat="1" ht="24.95" customHeight="1" x14ac:dyDescent="0.25">
      <c r="A601" s="44" t="s">
        <v>50</v>
      </c>
      <c r="B601" s="42" t="s">
        <v>664</v>
      </c>
      <c r="C601" s="104"/>
      <c r="D601" s="104"/>
      <c r="E601" s="46"/>
      <c r="F601" s="107"/>
      <c r="G601" s="109"/>
      <c r="H601" s="110"/>
    </row>
    <row r="602" spans="1:8" s="23" customFormat="1" ht="24.95" customHeight="1" x14ac:dyDescent="0.25">
      <c r="A602" s="44" t="s">
        <v>51</v>
      </c>
      <c r="B602" s="42" t="s">
        <v>406</v>
      </c>
      <c r="C602" s="112"/>
      <c r="D602" s="112"/>
      <c r="E602" s="46"/>
      <c r="F602" s="111"/>
      <c r="G602" s="109"/>
      <c r="H602" s="110"/>
    </row>
    <row r="603" spans="1:8" s="23" customFormat="1" ht="24.95" customHeight="1" x14ac:dyDescent="0.25">
      <c r="A603" s="49" t="s">
        <v>151</v>
      </c>
      <c r="B603" s="100" t="s">
        <v>318</v>
      </c>
      <c r="C603" s="101"/>
      <c r="D603" s="101"/>
      <c r="E603" s="101"/>
      <c r="F603" s="101"/>
      <c r="G603" s="101"/>
      <c r="H603" s="102"/>
    </row>
    <row r="604" spans="1:8" s="23" customFormat="1" ht="24.95" customHeight="1" x14ac:dyDescent="0.25">
      <c r="A604" s="44" t="s">
        <v>11</v>
      </c>
      <c r="B604" s="42" t="s">
        <v>402</v>
      </c>
      <c r="C604" s="103" t="s">
        <v>789</v>
      </c>
      <c r="D604" s="103"/>
      <c r="E604" s="46"/>
      <c r="F604" s="106"/>
      <c r="G604" s="109"/>
      <c r="H604" s="110"/>
    </row>
    <row r="605" spans="1:8" s="23" customFormat="1" ht="24.95" customHeight="1" x14ac:dyDescent="0.25">
      <c r="A605" s="44" t="s">
        <v>44</v>
      </c>
      <c r="B605" s="42" t="s">
        <v>585</v>
      </c>
      <c r="C605" s="104"/>
      <c r="D605" s="104"/>
      <c r="E605" s="46"/>
      <c r="F605" s="107"/>
      <c r="G605" s="109"/>
      <c r="H605" s="110"/>
    </row>
    <row r="606" spans="1:8" s="23" customFormat="1" ht="24.95" customHeight="1" x14ac:dyDescent="0.25">
      <c r="A606" s="44" t="s">
        <v>45</v>
      </c>
      <c r="B606" s="42" t="s">
        <v>665</v>
      </c>
      <c r="C606" s="104"/>
      <c r="D606" s="104"/>
      <c r="E606" s="46"/>
      <c r="F606" s="107"/>
      <c r="G606" s="109"/>
      <c r="H606" s="110"/>
    </row>
    <row r="607" spans="1:8" s="23" customFormat="1" ht="24.95" customHeight="1" x14ac:dyDescent="0.25">
      <c r="A607" s="44" t="s">
        <v>46</v>
      </c>
      <c r="B607" s="42" t="s">
        <v>666</v>
      </c>
      <c r="C607" s="104"/>
      <c r="D607" s="104"/>
      <c r="E607" s="46"/>
      <c r="F607" s="107"/>
      <c r="G607" s="109"/>
      <c r="H607" s="110"/>
    </row>
    <row r="608" spans="1:8" s="23" customFormat="1" ht="24.95" customHeight="1" x14ac:dyDescent="0.25">
      <c r="A608" s="44" t="s">
        <v>47</v>
      </c>
      <c r="B608" s="42" t="s">
        <v>667</v>
      </c>
      <c r="C608" s="104"/>
      <c r="D608" s="104"/>
      <c r="E608" s="46"/>
      <c r="F608" s="107"/>
      <c r="G608" s="109"/>
      <c r="H608" s="110"/>
    </row>
    <row r="609" spans="1:8" s="23" customFormat="1" ht="24.95" customHeight="1" x14ac:dyDescent="0.25">
      <c r="A609" s="44" t="s">
        <v>48</v>
      </c>
      <c r="B609" s="42" t="s">
        <v>510</v>
      </c>
      <c r="C609" s="104"/>
      <c r="D609" s="104"/>
      <c r="E609" s="46"/>
      <c r="F609" s="107"/>
      <c r="G609" s="109"/>
      <c r="H609" s="110"/>
    </row>
    <row r="610" spans="1:8" s="23" customFormat="1" ht="24.95" customHeight="1" x14ac:dyDescent="0.25">
      <c r="A610" s="44" t="s">
        <v>49</v>
      </c>
      <c r="B610" s="42" t="s">
        <v>406</v>
      </c>
      <c r="C610" s="112"/>
      <c r="D610" s="112"/>
      <c r="E610" s="46"/>
      <c r="F610" s="111"/>
      <c r="G610" s="109"/>
      <c r="H610" s="110"/>
    </row>
    <row r="611" spans="1:8" s="23" customFormat="1" ht="24.95" customHeight="1" x14ac:dyDescent="0.25">
      <c r="A611" s="49" t="s">
        <v>152</v>
      </c>
      <c r="B611" s="100" t="s">
        <v>319</v>
      </c>
      <c r="C611" s="101"/>
      <c r="D611" s="101"/>
      <c r="E611" s="101"/>
      <c r="F611" s="101"/>
      <c r="G611" s="101"/>
      <c r="H611" s="102"/>
    </row>
    <row r="612" spans="1:8" s="23" customFormat="1" ht="24.95" customHeight="1" x14ac:dyDescent="0.25">
      <c r="A612" s="44" t="s">
        <v>11</v>
      </c>
      <c r="B612" s="42" t="s">
        <v>656</v>
      </c>
      <c r="C612" s="103" t="s">
        <v>790</v>
      </c>
      <c r="D612" s="103"/>
      <c r="E612" s="46"/>
      <c r="F612" s="106"/>
      <c r="G612" s="109"/>
      <c r="H612" s="110"/>
    </row>
    <row r="613" spans="1:8" s="23" customFormat="1" ht="24.95" customHeight="1" x14ac:dyDescent="0.25">
      <c r="A613" s="44" t="s">
        <v>44</v>
      </c>
      <c r="B613" s="42" t="s">
        <v>668</v>
      </c>
      <c r="C613" s="104"/>
      <c r="D613" s="104"/>
      <c r="E613" s="46"/>
      <c r="F613" s="107"/>
      <c r="G613" s="109"/>
      <c r="H613" s="110"/>
    </row>
    <row r="614" spans="1:8" s="23" customFormat="1" ht="24.95" customHeight="1" x14ac:dyDescent="0.25">
      <c r="A614" s="44" t="s">
        <v>45</v>
      </c>
      <c r="B614" s="42" t="s">
        <v>669</v>
      </c>
      <c r="C614" s="104"/>
      <c r="D614" s="104"/>
      <c r="E614" s="46"/>
      <c r="F614" s="107"/>
      <c r="G614" s="109"/>
      <c r="H614" s="110"/>
    </row>
    <row r="615" spans="1:8" s="23" customFormat="1" ht="24.95" customHeight="1" x14ac:dyDescent="0.25">
      <c r="A615" s="44" t="s">
        <v>46</v>
      </c>
      <c r="B615" s="42" t="s">
        <v>670</v>
      </c>
      <c r="C615" s="104"/>
      <c r="D615" s="104"/>
      <c r="E615" s="46"/>
      <c r="F615" s="107"/>
      <c r="G615" s="109"/>
      <c r="H615" s="110"/>
    </row>
    <row r="616" spans="1:8" s="23" customFormat="1" ht="24.95" customHeight="1" x14ac:dyDescent="0.25">
      <c r="A616" s="44" t="s">
        <v>47</v>
      </c>
      <c r="B616" s="42" t="s">
        <v>406</v>
      </c>
      <c r="C616" s="112"/>
      <c r="D616" s="112"/>
      <c r="E616" s="46"/>
      <c r="F616" s="111"/>
      <c r="G616" s="109"/>
      <c r="H616" s="110"/>
    </row>
    <row r="617" spans="1:8" s="23" customFormat="1" ht="24.95" customHeight="1" x14ac:dyDescent="0.25">
      <c r="A617" s="49" t="s">
        <v>153</v>
      </c>
      <c r="B617" s="100" t="s">
        <v>320</v>
      </c>
      <c r="C617" s="101"/>
      <c r="D617" s="101"/>
      <c r="E617" s="101"/>
      <c r="F617" s="101"/>
      <c r="G617" s="101"/>
      <c r="H617" s="102"/>
    </row>
    <row r="618" spans="1:8" s="23" customFormat="1" ht="24.95" customHeight="1" x14ac:dyDescent="0.25">
      <c r="A618" s="44" t="s">
        <v>11</v>
      </c>
      <c r="B618" s="42" t="s">
        <v>671</v>
      </c>
      <c r="C618" s="103" t="s">
        <v>753</v>
      </c>
      <c r="D618" s="103"/>
      <c r="E618" s="46"/>
      <c r="F618" s="106"/>
      <c r="G618" s="109"/>
      <c r="H618" s="110"/>
    </row>
    <row r="619" spans="1:8" s="23" customFormat="1" ht="24.95" customHeight="1" x14ac:dyDescent="0.25">
      <c r="A619" s="44" t="s">
        <v>44</v>
      </c>
      <c r="B619" s="42" t="s">
        <v>672</v>
      </c>
      <c r="C619" s="104"/>
      <c r="D619" s="104"/>
      <c r="E619" s="46"/>
      <c r="F619" s="107"/>
      <c r="G619" s="109"/>
      <c r="H619" s="110"/>
    </row>
    <row r="620" spans="1:8" s="23" customFormat="1" ht="24.95" customHeight="1" x14ac:dyDescent="0.25">
      <c r="A620" s="44" t="s">
        <v>45</v>
      </c>
      <c r="B620" s="42" t="s">
        <v>673</v>
      </c>
      <c r="C620" s="104"/>
      <c r="D620" s="104"/>
      <c r="E620" s="46"/>
      <c r="F620" s="107"/>
      <c r="G620" s="109"/>
      <c r="H620" s="110"/>
    </row>
    <row r="621" spans="1:8" s="23" customFormat="1" ht="24.95" customHeight="1" x14ac:dyDescent="0.25">
      <c r="A621" s="44" t="s">
        <v>46</v>
      </c>
      <c r="B621" s="42" t="s">
        <v>674</v>
      </c>
      <c r="C621" s="104"/>
      <c r="D621" s="104"/>
      <c r="E621" s="46"/>
      <c r="F621" s="107"/>
      <c r="G621" s="109"/>
      <c r="H621" s="110"/>
    </row>
    <row r="622" spans="1:8" s="23" customFormat="1" ht="24.95" customHeight="1" x14ac:dyDescent="0.25">
      <c r="A622" s="44" t="s">
        <v>47</v>
      </c>
      <c r="B622" s="42" t="s">
        <v>410</v>
      </c>
      <c r="C622" s="112"/>
      <c r="D622" s="112"/>
      <c r="E622" s="46"/>
      <c r="F622" s="111"/>
      <c r="G622" s="109"/>
      <c r="H622" s="110"/>
    </row>
    <row r="623" spans="1:8" s="23" customFormat="1" ht="24.95" customHeight="1" x14ac:dyDescent="0.25">
      <c r="A623" s="49" t="s">
        <v>154</v>
      </c>
      <c r="B623" s="100" t="s">
        <v>321</v>
      </c>
      <c r="C623" s="101"/>
      <c r="D623" s="101"/>
      <c r="E623" s="101"/>
      <c r="F623" s="101"/>
      <c r="G623" s="101"/>
      <c r="H623" s="102"/>
    </row>
    <row r="624" spans="1:8" s="23" customFormat="1" ht="24.95" customHeight="1" x14ac:dyDescent="0.25">
      <c r="A624" s="44" t="s">
        <v>11</v>
      </c>
      <c r="B624" s="42" t="s">
        <v>671</v>
      </c>
      <c r="C624" s="103" t="s">
        <v>753</v>
      </c>
      <c r="D624" s="103"/>
      <c r="E624" s="46"/>
      <c r="F624" s="106"/>
      <c r="G624" s="109"/>
      <c r="H624" s="110"/>
    </row>
    <row r="625" spans="1:8" s="23" customFormat="1" ht="24.95" customHeight="1" x14ac:dyDescent="0.25">
      <c r="A625" s="44" t="s">
        <v>44</v>
      </c>
      <c r="B625" s="42" t="s">
        <v>672</v>
      </c>
      <c r="C625" s="104"/>
      <c r="D625" s="104"/>
      <c r="E625" s="46"/>
      <c r="F625" s="107"/>
      <c r="G625" s="109"/>
      <c r="H625" s="110"/>
    </row>
    <row r="626" spans="1:8" s="23" customFormat="1" ht="24.95" customHeight="1" x14ac:dyDescent="0.25">
      <c r="A626" s="44" t="s">
        <v>45</v>
      </c>
      <c r="B626" s="42" t="s">
        <v>675</v>
      </c>
      <c r="C626" s="104"/>
      <c r="D626" s="104"/>
      <c r="E626" s="46"/>
      <c r="F626" s="107"/>
      <c r="G626" s="109"/>
      <c r="H626" s="110"/>
    </row>
    <row r="627" spans="1:8" s="23" customFormat="1" ht="24.95" customHeight="1" x14ac:dyDescent="0.25">
      <c r="A627" s="44" t="s">
        <v>46</v>
      </c>
      <c r="B627" s="42" t="s">
        <v>674</v>
      </c>
      <c r="C627" s="104"/>
      <c r="D627" s="104"/>
      <c r="E627" s="46"/>
      <c r="F627" s="107"/>
      <c r="G627" s="109"/>
      <c r="H627" s="110"/>
    </row>
    <row r="628" spans="1:8" s="23" customFormat="1" ht="24.95" customHeight="1" x14ac:dyDescent="0.25">
      <c r="A628" s="44" t="s">
        <v>47</v>
      </c>
      <c r="B628" s="42" t="s">
        <v>410</v>
      </c>
      <c r="C628" s="112"/>
      <c r="D628" s="112"/>
      <c r="E628" s="46"/>
      <c r="F628" s="111"/>
      <c r="G628" s="109"/>
      <c r="H628" s="110"/>
    </row>
    <row r="629" spans="1:8" s="23" customFormat="1" ht="24.95" customHeight="1" x14ac:dyDescent="0.25">
      <c r="A629" s="49" t="s">
        <v>155</v>
      </c>
      <c r="B629" s="100" t="s">
        <v>322</v>
      </c>
      <c r="C629" s="101"/>
      <c r="D629" s="101"/>
      <c r="E629" s="101"/>
      <c r="F629" s="101"/>
      <c r="G629" s="101"/>
      <c r="H629" s="102"/>
    </row>
    <row r="630" spans="1:8" s="23" customFormat="1" ht="24.95" customHeight="1" x14ac:dyDescent="0.25">
      <c r="A630" s="44" t="s">
        <v>11</v>
      </c>
      <c r="B630" s="42" t="s">
        <v>676</v>
      </c>
      <c r="C630" s="103" t="s">
        <v>753</v>
      </c>
      <c r="D630" s="103"/>
      <c r="E630" s="46"/>
      <c r="F630" s="106"/>
      <c r="G630" s="109"/>
      <c r="H630" s="110"/>
    </row>
    <row r="631" spans="1:8" s="23" customFormat="1" ht="24.95" customHeight="1" x14ac:dyDescent="0.25">
      <c r="A631" s="44" t="s">
        <v>44</v>
      </c>
      <c r="B631" s="42" t="s">
        <v>672</v>
      </c>
      <c r="C631" s="104"/>
      <c r="D631" s="104"/>
      <c r="E631" s="46"/>
      <c r="F631" s="107"/>
      <c r="G631" s="109"/>
      <c r="H631" s="110"/>
    </row>
    <row r="632" spans="1:8" s="23" customFormat="1" ht="24.95" customHeight="1" x14ac:dyDescent="0.25">
      <c r="A632" s="44" t="s">
        <v>45</v>
      </c>
      <c r="B632" s="42" t="s">
        <v>677</v>
      </c>
      <c r="C632" s="104"/>
      <c r="D632" s="104"/>
      <c r="E632" s="46"/>
      <c r="F632" s="107"/>
      <c r="G632" s="109"/>
      <c r="H632" s="110"/>
    </row>
    <row r="633" spans="1:8" s="23" customFormat="1" ht="24.95" customHeight="1" x14ac:dyDescent="0.25">
      <c r="A633" s="44" t="s">
        <v>46</v>
      </c>
      <c r="B633" s="42" t="s">
        <v>678</v>
      </c>
      <c r="C633" s="104"/>
      <c r="D633" s="104"/>
      <c r="E633" s="46"/>
      <c r="F633" s="107"/>
      <c r="G633" s="109"/>
      <c r="H633" s="110"/>
    </row>
    <row r="634" spans="1:8" s="23" customFormat="1" ht="24.95" customHeight="1" x14ac:dyDescent="0.25">
      <c r="A634" s="44" t="s">
        <v>47</v>
      </c>
      <c r="B634" s="42" t="s">
        <v>679</v>
      </c>
      <c r="C634" s="104"/>
      <c r="D634" s="104"/>
      <c r="E634" s="46"/>
      <c r="F634" s="107"/>
      <c r="G634" s="109"/>
      <c r="H634" s="110"/>
    </row>
    <row r="635" spans="1:8" s="23" customFormat="1" ht="24.95" customHeight="1" x14ac:dyDescent="0.25">
      <c r="A635" s="44" t="s">
        <v>48</v>
      </c>
      <c r="B635" s="42" t="s">
        <v>410</v>
      </c>
      <c r="C635" s="112"/>
      <c r="D635" s="112"/>
      <c r="E635" s="46"/>
      <c r="F635" s="111"/>
      <c r="G635" s="109"/>
      <c r="H635" s="110"/>
    </row>
    <row r="636" spans="1:8" s="23" customFormat="1" ht="24.95" customHeight="1" x14ac:dyDescent="0.25">
      <c r="A636" s="49" t="s">
        <v>156</v>
      </c>
      <c r="B636" s="100" t="s">
        <v>323</v>
      </c>
      <c r="C636" s="101"/>
      <c r="D636" s="101"/>
      <c r="E636" s="101"/>
      <c r="F636" s="101"/>
      <c r="G636" s="101"/>
      <c r="H636" s="102"/>
    </row>
    <row r="637" spans="1:8" s="23" customFormat="1" ht="24.95" customHeight="1" x14ac:dyDescent="0.25">
      <c r="A637" s="44" t="s">
        <v>11</v>
      </c>
      <c r="B637" s="42" t="s">
        <v>680</v>
      </c>
      <c r="C637" s="103" t="s">
        <v>791</v>
      </c>
      <c r="D637" s="103"/>
      <c r="E637" s="46"/>
      <c r="F637" s="106"/>
      <c r="G637" s="109"/>
      <c r="H637" s="110"/>
    </row>
    <row r="638" spans="1:8" s="23" customFormat="1" ht="24.95" customHeight="1" x14ac:dyDescent="0.25">
      <c r="A638" s="44" t="s">
        <v>44</v>
      </c>
      <c r="B638" s="42" t="s">
        <v>681</v>
      </c>
      <c r="C638" s="104"/>
      <c r="D638" s="104"/>
      <c r="E638" s="46"/>
      <c r="F638" s="107"/>
      <c r="G638" s="109"/>
      <c r="H638" s="110"/>
    </row>
    <row r="639" spans="1:8" s="23" customFormat="1" ht="24.95" customHeight="1" x14ac:dyDescent="0.25">
      <c r="A639" s="44" t="s">
        <v>45</v>
      </c>
      <c r="B639" s="42" t="s">
        <v>416</v>
      </c>
      <c r="C639" s="104"/>
      <c r="D639" s="104"/>
      <c r="E639" s="46"/>
      <c r="F639" s="107"/>
      <c r="G639" s="109"/>
      <c r="H639" s="110"/>
    </row>
    <row r="640" spans="1:8" s="23" customFormat="1" ht="24.95" customHeight="1" x14ac:dyDescent="0.25">
      <c r="A640" s="44" t="s">
        <v>46</v>
      </c>
      <c r="B640" s="42" t="s">
        <v>682</v>
      </c>
      <c r="C640" s="104"/>
      <c r="D640" s="104"/>
      <c r="E640" s="46"/>
      <c r="F640" s="107"/>
      <c r="G640" s="109"/>
      <c r="H640" s="110"/>
    </row>
    <row r="641" spans="1:8" s="23" customFormat="1" ht="24.95" customHeight="1" x14ac:dyDescent="0.25">
      <c r="A641" s="44" t="s">
        <v>47</v>
      </c>
      <c r="B641" s="42" t="s">
        <v>410</v>
      </c>
      <c r="C641" s="112"/>
      <c r="D641" s="112"/>
      <c r="E641" s="46"/>
      <c r="F641" s="111"/>
      <c r="G641" s="109"/>
      <c r="H641" s="110"/>
    </row>
    <row r="642" spans="1:8" s="23" customFormat="1" ht="24.95" customHeight="1" x14ac:dyDescent="0.25">
      <c r="A642" s="49" t="s">
        <v>157</v>
      </c>
      <c r="B642" s="100" t="s">
        <v>324</v>
      </c>
      <c r="C642" s="101"/>
      <c r="D642" s="101"/>
      <c r="E642" s="101"/>
      <c r="F642" s="101"/>
      <c r="G642" s="101"/>
      <c r="H642" s="102"/>
    </row>
    <row r="643" spans="1:8" s="23" customFormat="1" ht="24.95" customHeight="1" x14ac:dyDescent="0.25">
      <c r="A643" s="44" t="s">
        <v>11</v>
      </c>
      <c r="B643" s="42" t="s">
        <v>680</v>
      </c>
      <c r="C643" s="103" t="s">
        <v>791</v>
      </c>
      <c r="D643" s="103"/>
      <c r="E643" s="46"/>
      <c r="F643" s="106"/>
      <c r="G643" s="109"/>
      <c r="H643" s="110"/>
    </row>
    <row r="644" spans="1:8" s="23" customFormat="1" ht="24.95" customHeight="1" x14ac:dyDescent="0.25">
      <c r="A644" s="44" t="s">
        <v>44</v>
      </c>
      <c r="B644" s="42" t="s">
        <v>683</v>
      </c>
      <c r="C644" s="104"/>
      <c r="D644" s="104"/>
      <c r="E644" s="46"/>
      <c r="F644" s="107"/>
      <c r="G644" s="109"/>
      <c r="H644" s="110"/>
    </row>
    <row r="645" spans="1:8" s="23" customFormat="1" ht="24.95" customHeight="1" x14ac:dyDescent="0.25">
      <c r="A645" s="44" t="s">
        <v>45</v>
      </c>
      <c r="B645" s="42" t="s">
        <v>416</v>
      </c>
      <c r="C645" s="104"/>
      <c r="D645" s="104"/>
      <c r="E645" s="46"/>
      <c r="F645" s="107"/>
      <c r="G645" s="109"/>
      <c r="H645" s="110"/>
    </row>
    <row r="646" spans="1:8" s="23" customFormat="1" ht="24.95" customHeight="1" x14ac:dyDescent="0.25">
      <c r="A646" s="44" t="s">
        <v>46</v>
      </c>
      <c r="B646" s="42" t="s">
        <v>684</v>
      </c>
      <c r="C646" s="104"/>
      <c r="D646" s="104"/>
      <c r="E646" s="46"/>
      <c r="F646" s="107"/>
      <c r="G646" s="109"/>
      <c r="H646" s="110"/>
    </row>
    <row r="647" spans="1:8" s="23" customFormat="1" ht="24.95" customHeight="1" x14ac:dyDescent="0.25">
      <c r="A647" s="44" t="s">
        <v>47</v>
      </c>
      <c r="B647" s="42" t="s">
        <v>410</v>
      </c>
      <c r="C647" s="112"/>
      <c r="D647" s="112"/>
      <c r="E647" s="46"/>
      <c r="F647" s="111"/>
      <c r="G647" s="109"/>
      <c r="H647" s="110"/>
    </row>
    <row r="648" spans="1:8" s="23" customFormat="1" ht="24.95" customHeight="1" x14ac:dyDescent="0.25">
      <c r="A648" s="49" t="s">
        <v>158</v>
      </c>
      <c r="B648" s="100" t="s">
        <v>325</v>
      </c>
      <c r="C648" s="101"/>
      <c r="D648" s="101"/>
      <c r="E648" s="101"/>
      <c r="F648" s="101"/>
      <c r="G648" s="101"/>
      <c r="H648" s="102"/>
    </row>
    <row r="649" spans="1:8" s="23" customFormat="1" ht="24.95" customHeight="1" x14ac:dyDescent="0.25">
      <c r="A649" s="44" t="s">
        <v>11</v>
      </c>
      <c r="B649" s="42" t="s">
        <v>680</v>
      </c>
      <c r="C649" s="103" t="s">
        <v>791</v>
      </c>
      <c r="D649" s="103"/>
      <c r="E649" s="46"/>
      <c r="F649" s="106"/>
      <c r="G649" s="109"/>
      <c r="H649" s="110"/>
    </row>
    <row r="650" spans="1:8" s="23" customFormat="1" ht="24.95" customHeight="1" x14ac:dyDescent="0.25">
      <c r="A650" s="44" t="s">
        <v>44</v>
      </c>
      <c r="B650" s="42" t="s">
        <v>685</v>
      </c>
      <c r="C650" s="104"/>
      <c r="D650" s="104"/>
      <c r="E650" s="46"/>
      <c r="F650" s="107"/>
      <c r="G650" s="109"/>
      <c r="H650" s="110"/>
    </row>
    <row r="651" spans="1:8" s="23" customFormat="1" ht="24.95" customHeight="1" x14ac:dyDescent="0.25">
      <c r="A651" s="44" t="s">
        <v>45</v>
      </c>
      <c r="B651" s="42" t="s">
        <v>416</v>
      </c>
      <c r="C651" s="104"/>
      <c r="D651" s="104"/>
      <c r="E651" s="46"/>
      <c r="F651" s="107"/>
      <c r="G651" s="109"/>
      <c r="H651" s="110"/>
    </row>
    <row r="652" spans="1:8" s="23" customFormat="1" ht="24.95" customHeight="1" x14ac:dyDescent="0.25">
      <c r="A652" s="44" t="s">
        <v>46</v>
      </c>
      <c r="B652" s="42" t="s">
        <v>684</v>
      </c>
      <c r="C652" s="104"/>
      <c r="D652" s="104"/>
      <c r="E652" s="46"/>
      <c r="F652" s="107"/>
      <c r="G652" s="109"/>
      <c r="H652" s="110"/>
    </row>
    <row r="653" spans="1:8" s="23" customFormat="1" ht="24.95" customHeight="1" x14ac:dyDescent="0.25">
      <c r="A653" s="44" t="s">
        <v>47</v>
      </c>
      <c r="B653" s="42" t="s">
        <v>410</v>
      </c>
      <c r="C653" s="112"/>
      <c r="D653" s="112"/>
      <c r="E653" s="46"/>
      <c r="F653" s="111"/>
      <c r="G653" s="109"/>
      <c r="H653" s="110"/>
    </row>
    <row r="654" spans="1:8" s="23" customFormat="1" ht="24.95" customHeight="1" x14ac:dyDescent="0.25">
      <c r="A654" s="49" t="s">
        <v>159</v>
      </c>
      <c r="B654" s="100" t="s">
        <v>326</v>
      </c>
      <c r="C654" s="101"/>
      <c r="D654" s="101"/>
      <c r="E654" s="101"/>
      <c r="F654" s="101"/>
      <c r="G654" s="101"/>
      <c r="H654" s="102"/>
    </row>
    <row r="655" spans="1:8" s="23" customFormat="1" ht="24.95" customHeight="1" x14ac:dyDescent="0.25">
      <c r="A655" s="44" t="s">
        <v>11</v>
      </c>
      <c r="B655" s="42" t="s">
        <v>680</v>
      </c>
      <c r="C655" s="103" t="s">
        <v>791</v>
      </c>
      <c r="D655" s="103"/>
      <c r="E655" s="46"/>
      <c r="F655" s="106"/>
      <c r="G655" s="109"/>
      <c r="H655" s="110"/>
    </row>
    <row r="656" spans="1:8" s="23" customFormat="1" ht="24.95" customHeight="1" x14ac:dyDescent="0.25">
      <c r="A656" s="44" t="s">
        <v>44</v>
      </c>
      <c r="B656" s="42" t="s">
        <v>686</v>
      </c>
      <c r="C656" s="104"/>
      <c r="D656" s="104"/>
      <c r="E656" s="46"/>
      <c r="F656" s="107"/>
      <c r="G656" s="109"/>
      <c r="H656" s="110"/>
    </row>
    <row r="657" spans="1:8" s="23" customFormat="1" ht="24.95" customHeight="1" x14ac:dyDescent="0.25">
      <c r="A657" s="44" t="s">
        <v>45</v>
      </c>
      <c r="B657" s="42" t="s">
        <v>416</v>
      </c>
      <c r="C657" s="104"/>
      <c r="D657" s="104"/>
      <c r="E657" s="46"/>
      <c r="F657" s="107"/>
      <c r="G657" s="109"/>
      <c r="H657" s="110"/>
    </row>
    <row r="658" spans="1:8" s="23" customFormat="1" ht="24.95" customHeight="1" x14ac:dyDescent="0.25">
      <c r="A658" s="44" t="s">
        <v>46</v>
      </c>
      <c r="B658" s="42" t="s">
        <v>684</v>
      </c>
      <c r="C658" s="104"/>
      <c r="D658" s="104"/>
      <c r="E658" s="46"/>
      <c r="F658" s="107"/>
      <c r="G658" s="109"/>
      <c r="H658" s="110"/>
    </row>
    <row r="659" spans="1:8" s="23" customFormat="1" ht="24.95" customHeight="1" x14ac:dyDescent="0.25">
      <c r="A659" s="44" t="s">
        <v>47</v>
      </c>
      <c r="B659" s="42" t="s">
        <v>410</v>
      </c>
      <c r="C659" s="112"/>
      <c r="D659" s="112"/>
      <c r="E659" s="46"/>
      <c r="F659" s="111"/>
      <c r="G659" s="109"/>
      <c r="H659" s="110"/>
    </row>
    <row r="660" spans="1:8" s="23" customFormat="1" ht="24.95" customHeight="1" x14ac:dyDescent="0.25">
      <c r="A660" s="49" t="s">
        <v>160</v>
      </c>
      <c r="B660" s="100" t="s">
        <v>327</v>
      </c>
      <c r="C660" s="101"/>
      <c r="D660" s="101"/>
      <c r="E660" s="101"/>
      <c r="F660" s="101"/>
      <c r="G660" s="101"/>
      <c r="H660" s="102"/>
    </row>
    <row r="661" spans="1:8" s="23" customFormat="1" ht="24.95" customHeight="1" x14ac:dyDescent="0.25">
      <c r="A661" s="44" t="s">
        <v>11</v>
      </c>
      <c r="B661" s="42" t="s">
        <v>687</v>
      </c>
      <c r="C661" s="103" t="s">
        <v>753</v>
      </c>
      <c r="D661" s="103"/>
      <c r="E661" s="46"/>
      <c r="F661" s="106"/>
      <c r="G661" s="109"/>
      <c r="H661" s="110"/>
    </row>
    <row r="662" spans="1:8" s="23" customFormat="1" ht="24.95" customHeight="1" x14ac:dyDescent="0.25">
      <c r="A662" s="44" t="s">
        <v>44</v>
      </c>
      <c r="B662" s="42" t="s">
        <v>688</v>
      </c>
      <c r="C662" s="104"/>
      <c r="D662" s="104"/>
      <c r="E662" s="46"/>
      <c r="F662" s="107"/>
      <c r="G662" s="109"/>
      <c r="H662" s="110"/>
    </row>
    <row r="663" spans="1:8" s="23" customFormat="1" ht="24.95" customHeight="1" x14ac:dyDescent="0.25">
      <c r="A663" s="44" t="s">
        <v>45</v>
      </c>
      <c r="B663" s="42" t="s">
        <v>689</v>
      </c>
      <c r="C663" s="104"/>
      <c r="D663" s="104"/>
      <c r="E663" s="46"/>
      <c r="F663" s="107"/>
      <c r="G663" s="109"/>
      <c r="H663" s="110"/>
    </row>
    <row r="664" spans="1:8" s="23" customFormat="1" ht="24.95" customHeight="1" x14ac:dyDescent="0.25">
      <c r="A664" s="44" t="s">
        <v>46</v>
      </c>
      <c r="B664" s="42" t="s">
        <v>410</v>
      </c>
      <c r="C664" s="112"/>
      <c r="D664" s="112"/>
      <c r="E664" s="46"/>
      <c r="F664" s="111"/>
      <c r="G664" s="109"/>
      <c r="H664" s="110"/>
    </row>
    <row r="665" spans="1:8" s="23" customFormat="1" ht="24.95" customHeight="1" x14ac:dyDescent="0.25">
      <c r="A665" s="49" t="s">
        <v>161</v>
      </c>
      <c r="B665" s="100" t="s">
        <v>328</v>
      </c>
      <c r="C665" s="101"/>
      <c r="D665" s="101"/>
      <c r="E665" s="101"/>
      <c r="F665" s="101"/>
      <c r="G665" s="101"/>
      <c r="H665" s="102"/>
    </row>
    <row r="666" spans="1:8" s="23" customFormat="1" ht="24.95" customHeight="1" x14ac:dyDescent="0.25">
      <c r="A666" s="44" t="s">
        <v>11</v>
      </c>
      <c r="B666" s="42" t="s">
        <v>690</v>
      </c>
      <c r="C666" s="103" t="s">
        <v>753</v>
      </c>
      <c r="D666" s="103"/>
      <c r="E666" s="46"/>
      <c r="F666" s="106"/>
      <c r="G666" s="109"/>
      <c r="H666" s="110"/>
    </row>
    <row r="667" spans="1:8" s="23" customFormat="1" ht="24.95" customHeight="1" x14ac:dyDescent="0.25">
      <c r="A667" s="44" t="s">
        <v>44</v>
      </c>
      <c r="B667" s="42" t="s">
        <v>416</v>
      </c>
      <c r="C667" s="104"/>
      <c r="D667" s="104"/>
      <c r="E667" s="46"/>
      <c r="F667" s="107"/>
      <c r="G667" s="109"/>
      <c r="H667" s="110"/>
    </row>
    <row r="668" spans="1:8" s="23" customFormat="1" ht="24.95" customHeight="1" x14ac:dyDescent="0.25">
      <c r="A668" s="44" t="s">
        <v>45</v>
      </c>
      <c r="B668" s="42" t="s">
        <v>691</v>
      </c>
      <c r="C668" s="104"/>
      <c r="D668" s="104"/>
      <c r="E668" s="46"/>
      <c r="F668" s="107"/>
      <c r="G668" s="109"/>
      <c r="H668" s="110"/>
    </row>
    <row r="669" spans="1:8" s="23" customFormat="1" ht="24.95" customHeight="1" x14ac:dyDescent="0.25">
      <c r="A669" s="44" t="s">
        <v>46</v>
      </c>
      <c r="B669" s="42" t="s">
        <v>410</v>
      </c>
      <c r="C669" s="112"/>
      <c r="D669" s="112"/>
      <c r="E669" s="46"/>
      <c r="F669" s="111"/>
      <c r="G669" s="109"/>
      <c r="H669" s="110"/>
    </row>
    <row r="670" spans="1:8" s="23" customFormat="1" ht="24.95" customHeight="1" x14ac:dyDescent="0.25">
      <c r="A670" s="49" t="s">
        <v>162</v>
      </c>
      <c r="B670" s="100" t="s">
        <v>329</v>
      </c>
      <c r="C670" s="101"/>
      <c r="D670" s="101"/>
      <c r="E670" s="101"/>
      <c r="F670" s="101"/>
      <c r="G670" s="101"/>
      <c r="H670" s="102"/>
    </row>
    <row r="671" spans="1:8" s="23" customFormat="1" ht="24.95" customHeight="1" x14ac:dyDescent="0.25">
      <c r="A671" s="44" t="s">
        <v>11</v>
      </c>
      <c r="B671" s="42" t="s">
        <v>692</v>
      </c>
      <c r="C671" s="103" t="s">
        <v>753</v>
      </c>
      <c r="D671" s="103"/>
      <c r="E671" s="46"/>
      <c r="F671" s="106"/>
      <c r="G671" s="109"/>
      <c r="H671" s="110"/>
    </row>
    <row r="672" spans="1:8" s="23" customFormat="1" ht="24.95" customHeight="1" x14ac:dyDescent="0.25">
      <c r="A672" s="44" t="s">
        <v>44</v>
      </c>
      <c r="B672" s="42" t="s">
        <v>693</v>
      </c>
      <c r="C672" s="104"/>
      <c r="D672" s="104"/>
      <c r="E672" s="46"/>
      <c r="F672" s="107"/>
      <c r="G672" s="109"/>
      <c r="H672" s="110"/>
    </row>
    <row r="673" spans="1:8" s="23" customFormat="1" ht="24.95" customHeight="1" x14ac:dyDescent="0.25">
      <c r="A673" s="44" t="s">
        <v>45</v>
      </c>
      <c r="B673" s="42" t="s">
        <v>694</v>
      </c>
      <c r="C673" s="104"/>
      <c r="D673" s="104"/>
      <c r="E673" s="46"/>
      <c r="F673" s="107"/>
      <c r="G673" s="109"/>
      <c r="H673" s="110"/>
    </row>
    <row r="674" spans="1:8" s="23" customFormat="1" ht="24.95" customHeight="1" x14ac:dyDescent="0.25">
      <c r="A674" s="44" t="s">
        <v>46</v>
      </c>
      <c r="B674" s="42" t="s">
        <v>406</v>
      </c>
      <c r="C674" s="112"/>
      <c r="D674" s="112"/>
      <c r="E674" s="46"/>
      <c r="F674" s="111"/>
      <c r="G674" s="109"/>
      <c r="H674" s="110"/>
    </row>
    <row r="675" spans="1:8" s="23" customFormat="1" ht="24.95" customHeight="1" x14ac:dyDescent="0.25">
      <c r="A675" s="49" t="s">
        <v>163</v>
      </c>
      <c r="B675" s="100" t="s">
        <v>330</v>
      </c>
      <c r="C675" s="101"/>
      <c r="D675" s="101"/>
      <c r="E675" s="101"/>
      <c r="F675" s="101"/>
      <c r="G675" s="101"/>
      <c r="H675" s="102"/>
    </row>
    <row r="676" spans="1:8" s="23" customFormat="1" ht="24.95" customHeight="1" x14ac:dyDescent="0.25">
      <c r="A676" s="44" t="s">
        <v>11</v>
      </c>
      <c r="B676" s="42" t="s">
        <v>695</v>
      </c>
      <c r="C676" s="103" t="s">
        <v>792</v>
      </c>
      <c r="D676" s="103"/>
      <c r="E676" s="46"/>
      <c r="F676" s="106"/>
      <c r="G676" s="109"/>
      <c r="H676" s="110"/>
    </row>
    <row r="677" spans="1:8" s="23" customFormat="1" ht="24.95" customHeight="1" x14ac:dyDescent="0.25">
      <c r="A677" s="44" t="s">
        <v>44</v>
      </c>
      <c r="B677" s="42" t="s">
        <v>696</v>
      </c>
      <c r="C677" s="104"/>
      <c r="D677" s="104"/>
      <c r="E677" s="46"/>
      <c r="F677" s="107"/>
      <c r="G677" s="109"/>
      <c r="H677" s="110"/>
    </row>
    <row r="678" spans="1:8" s="23" customFormat="1" ht="24.95" customHeight="1" x14ac:dyDescent="0.25">
      <c r="A678" s="44" t="s">
        <v>45</v>
      </c>
      <c r="B678" s="42" t="s">
        <v>697</v>
      </c>
      <c r="C678" s="104"/>
      <c r="D678" s="104"/>
      <c r="E678" s="46"/>
      <c r="F678" s="107"/>
      <c r="G678" s="109"/>
      <c r="H678" s="110"/>
    </row>
    <row r="679" spans="1:8" s="23" customFormat="1" ht="24.95" customHeight="1" x14ac:dyDescent="0.25">
      <c r="A679" s="44" t="s">
        <v>46</v>
      </c>
      <c r="B679" s="42" t="s">
        <v>698</v>
      </c>
      <c r="C679" s="104"/>
      <c r="D679" s="104"/>
      <c r="E679" s="46"/>
      <c r="F679" s="107"/>
      <c r="G679" s="109"/>
      <c r="H679" s="110"/>
    </row>
    <row r="680" spans="1:8" s="23" customFormat="1" ht="24.95" customHeight="1" x14ac:dyDescent="0.25">
      <c r="A680" s="44" t="s">
        <v>47</v>
      </c>
      <c r="B680" s="42" t="s">
        <v>410</v>
      </c>
      <c r="C680" s="112"/>
      <c r="D680" s="112"/>
      <c r="E680" s="46"/>
      <c r="F680" s="111"/>
      <c r="G680" s="109"/>
      <c r="H680" s="110"/>
    </row>
    <row r="681" spans="1:8" s="23" customFormat="1" ht="24.95" customHeight="1" x14ac:dyDescent="0.25">
      <c r="A681" s="49" t="s">
        <v>164</v>
      </c>
      <c r="B681" s="100" t="s">
        <v>331</v>
      </c>
      <c r="C681" s="101"/>
      <c r="D681" s="101"/>
      <c r="E681" s="101"/>
      <c r="F681" s="101"/>
      <c r="G681" s="101"/>
      <c r="H681" s="102"/>
    </row>
    <row r="682" spans="1:8" s="23" customFormat="1" ht="24.95" customHeight="1" x14ac:dyDescent="0.25">
      <c r="A682" s="44" t="s">
        <v>11</v>
      </c>
      <c r="B682" s="42" t="s">
        <v>699</v>
      </c>
      <c r="C682" s="103" t="s">
        <v>793</v>
      </c>
      <c r="D682" s="103"/>
      <c r="E682" s="46"/>
      <c r="F682" s="106"/>
      <c r="G682" s="109"/>
      <c r="H682" s="110"/>
    </row>
    <row r="683" spans="1:8" s="23" customFormat="1" ht="24.95" customHeight="1" x14ac:dyDescent="0.25">
      <c r="A683" s="44" t="s">
        <v>44</v>
      </c>
      <c r="B683" s="42" t="s">
        <v>700</v>
      </c>
      <c r="C683" s="104"/>
      <c r="D683" s="104"/>
      <c r="E683" s="46"/>
      <c r="F683" s="107"/>
      <c r="G683" s="109"/>
      <c r="H683" s="110"/>
    </row>
    <row r="684" spans="1:8" s="23" customFormat="1" ht="24.95" customHeight="1" x14ac:dyDescent="0.25">
      <c r="A684" s="44" t="s">
        <v>45</v>
      </c>
      <c r="B684" s="42" t="s">
        <v>701</v>
      </c>
      <c r="C684" s="104"/>
      <c r="D684" s="104"/>
      <c r="E684" s="46"/>
      <c r="F684" s="107"/>
      <c r="G684" s="109"/>
      <c r="H684" s="110"/>
    </row>
    <row r="685" spans="1:8" s="23" customFormat="1" ht="24.95" customHeight="1" x14ac:dyDescent="0.25">
      <c r="A685" s="44" t="s">
        <v>46</v>
      </c>
      <c r="B685" s="42" t="s">
        <v>702</v>
      </c>
      <c r="C685" s="104"/>
      <c r="D685" s="104"/>
      <c r="E685" s="46"/>
      <c r="F685" s="107"/>
      <c r="G685" s="109"/>
      <c r="H685" s="110"/>
    </row>
    <row r="686" spans="1:8" s="23" customFormat="1" ht="24.95" customHeight="1" x14ac:dyDescent="0.25">
      <c r="A686" s="44" t="s">
        <v>47</v>
      </c>
      <c r="B686" s="42" t="s">
        <v>703</v>
      </c>
      <c r="C686" s="104"/>
      <c r="D686" s="104"/>
      <c r="E686" s="46"/>
      <c r="F686" s="107"/>
      <c r="G686" s="109"/>
      <c r="H686" s="110"/>
    </row>
    <row r="687" spans="1:8" s="23" customFormat="1" ht="24.95" customHeight="1" x14ac:dyDescent="0.25">
      <c r="A687" s="44" t="s">
        <v>48</v>
      </c>
      <c r="B687" s="42" t="s">
        <v>704</v>
      </c>
      <c r="C687" s="104"/>
      <c r="D687" s="104"/>
      <c r="E687" s="46"/>
      <c r="F687" s="107"/>
      <c r="G687" s="109"/>
      <c r="H687" s="110"/>
    </row>
    <row r="688" spans="1:8" s="23" customFormat="1" ht="24.95" customHeight="1" x14ac:dyDescent="0.25">
      <c r="A688" s="44" t="s">
        <v>49</v>
      </c>
      <c r="B688" s="42" t="s">
        <v>705</v>
      </c>
      <c r="C688" s="104"/>
      <c r="D688" s="104"/>
      <c r="E688" s="46"/>
      <c r="F688" s="107"/>
      <c r="G688" s="109"/>
      <c r="H688" s="110"/>
    </row>
    <row r="689" spans="1:8" s="23" customFormat="1" ht="24.95" customHeight="1" x14ac:dyDescent="0.25">
      <c r="A689" s="44" t="s">
        <v>50</v>
      </c>
      <c r="B689" s="42" t="s">
        <v>416</v>
      </c>
      <c r="C689" s="104"/>
      <c r="D689" s="104"/>
      <c r="E689" s="46"/>
      <c r="F689" s="107"/>
      <c r="G689" s="109"/>
      <c r="H689" s="110"/>
    </row>
    <row r="690" spans="1:8" s="23" customFormat="1" ht="24.95" customHeight="1" x14ac:dyDescent="0.25">
      <c r="A690" s="44" t="s">
        <v>51</v>
      </c>
      <c r="B690" s="42" t="s">
        <v>406</v>
      </c>
      <c r="C690" s="112"/>
      <c r="D690" s="112"/>
      <c r="E690" s="46"/>
      <c r="F690" s="111"/>
      <c r="G690" s="109"/>
      <c r="H690" s="110"/>
    </row>
    <row r="691" spans="1:8" s="23" customFormat="1" ht="24.95" customHeight="1" x14ac:dyDescent="0.25">
      <c r="A691" s="49" t="s">
        <v>165</v>
      </c>
      <c r="B691" s="100" t="s">
        <v>332</v>
      </c>
      <c r="C691" s="101"/>
      <c r="D691" s="101"/>
      <c r="E691" s="101"/>
      <c r="F691" s="101"/>
      <c r="G691" s="101"/>
      <c r="H691" s="102"/>
    </row>
    <row r="692" spans="1:8" s="23" customFormat="1" ht="24.95" customHeight="1" x14ac:dyDescent="0.25">
      <c r="A692" s="44" t="s">
        <v>11</v>
      </c>
      <c r="B692" s="42" t="s">
        <v>695</v>
      </c>
      <c r="C692" s="103" t="s">
        <v>794</v>
      </c>
      <c r="D692" s="103"/>
      <c r="E692" s="46"/>
      <c r="F692" s="106"/>
      <c r="G692" s="109"/>
      <c r="H692" s="110"/>
    </row>
    <row r="693" spans="1:8" s="23" customFormat="1" ht="24.95" customHeight="1" x14ac:dyDescent="0.25">
      <c r="A693" s="44" t="s">
        <v>44</v>
      </c>
      <c r="B693" s="42" t="s">
        <v>706</v>
      </c>
      <c r="C693" s="104"/>
      <c r="D693" s="104"/>
      <c r="E693" s="46"/>
      <c r="F693" s="107"/>
      <c r="G693" s="109"/>
      <c r="H693" s="110"/>
    </row>
    <row r="694" spans="1:8" s="23" customFormat="1" ht="24.95" customHeight="1" x14ac:dyDescent="0.25">
      <c r="A694" s="44" t="s">
        <v>45</v>
      </c>
      <c r="B694" s="42" t="s">
        <v>707</v>
      </c>
      <c r="C694" s="104"/>
      <c r="D694" s="104"/>
      <c r="E694" s="46"/>
      <c r="F694" s="107"/>
      <c r="G694" s="109"/>
      <c r="H694" s="110"/>
    </row>
    <row r="695" spans="1:8" s="23" customFormat="1" ht="24.95" customHeight="1" x14ac:dyDescent="0.25">
      <c r="A695" s="44" t="s">
        <v>46</v>
      </c>
      <c r="B695" s="42" t="s">
        <v>698</v>
      </c>
      <c r="C695" s="104"/>
      <c r="D695" s="104"/>
      <c r="E695" s="46"/>
      <c r="F695" s="107"/>
      <c r="G695" s="109"/>
      <c r="H695" s="110"/>
    </row>
    <row r="696" spans="1:8" s="23" customFormat="1" ht="24.95" customHeight="1" x14ac:dyDescent="0.25">
      <c r="A696" s="44" t="s">
        <v>47</v>
      </c>
      <c r="B696" s="42" t="s">
        <v>410</v>
      </c>
      <c r="C696" s="112"/>
      <c r="D696" s="112"/>
      <c r="E696" s="46"/>
      <c r="F696" s="111"/>
      <c r="G696" s="109"/>
      <c r="H696" s="110"/>
    </row>
    <row r="697" spans="1:8" s="23" customFormat="1" ht="24.95" customHeight="1" x14ac:dyDescent="0.25">
      <c r="A697" s="49" t="s">
        <v>166</v>
      </c>
      <c r="B697" s="100" t="s">
        <v>333</v>
      </c>
      <c r="C697" s="101"/>
      <c r="D697" s="101"/>
      <c r="E697" s="101"/>
      <c r="F697" s="101"/>
      <c r="G697" s="101"/>
      <c r="H697" s="102"/>
    </row>
    <row r="698" spans="1:8" s="23" customFormat="1" ht="24.95" customHeight="1" x14ac:dyDescent="0.25">
      <c r="A698" s="44" t="s">
        <v>11</v>
      </c>
      <c r="B698" s="42" t="s">
        <v>699</v>
      </c>
      <c r="C698" s="103" t="s">
        <v>795</v>
      </c>
      <c r="D698" s="103"/>
      <c r="E698" s="46"/>
      <c r="F698" s="106"/>
      <c r="G698" s="109"/>
      <c r="H698" s="110"/>
    </row>
    <row r="699" spans="1:8" s="23" customFormat="1" ht="24.95" customHeight="1" x14ac:dyDescent="0.25">
      <c r="A699" s="44" t="s">
        <v>44</v>
      </c>
      <c r="B699" s="42" t="s">
        <v>708</v>
      </c>
      <c r="C699" s="104"/>
      <c r="D699" s="104"/>
      <c r="E699" s="46"/>
      <c r="F699" s="107"/>
      <c r="G699" s="109"/>
      <c r="H699" s="110"/>
    </row>
    <row r="700" spans="1:8" s="23" customFormat="1" ht="24.95" customHeight="1" x14ac:dyDescent="0.25">
      <c r="A700" s="44" t="s">
        <v>45</v>
      </c>
      <c r="B700" s="42" t="s">
        <v>709</v>
      </c>
      <c r="C700" s="104"/>
      <c r="D700" s="104"/>
      <c r="E700" s="46"/>
      <c r="F700" s="107"/>
      <c r="G700" s="109"/>
      <c r="H700" s="110"/>
    </row>
    <row r="701" spans="1:8" s="23" customFormat="1" ht="24.95" customHeight="1" x14ac:dyDescent="0.25">
      <c r="A701" s="44" t="s">
        <v>46</v>
      </c>
      <c r="B701" s="42" t="s">
        <v>710</v>
      </c>
      <c r="C701" s="104"/>
      <c r="D701" s="104"/>
      <c r="E701" s="46"/>
      <c r="F701" s="107"/>
      <c r="G701" s="109"/>
      <c r="H701" s="110"/>
    </row>
    <row r="702" spans="1:8" s="23" customFormat="1" ht="24.95" customHeight="1" x14ac:dyDescent="0.25">
      <c r="A702" s="44" t="s">
        <v>47</v>
      </c>
      <c r="B702" s="42" t="s">
        <v>711</v>
      </c>
      <c r="C702" s="104"/>
      <c r="D702" s="104"/>
      <c r="E702" s="46"/>
      <c r="F702" s="107"/>
      <c r="G702" s="109"/>
      <c r="H702" s="110"/>
    </row>
    <row r="703" spans="1:8" s="23" customFormat="1" ht="24.95" customHeight="1" x14ac:dyDescent="0.25">
      <c r="A703" s="44" t="s">
        <v>48</v>
      </c>
      <c r="B703" s="42" t="s">
        <v>416</v>
      </c>
      <c r="C703" s="104"/>
      <c r="D703" s="104"/>
      <c r="E703" s="46"/>
      <c r="F703" s="107"/>
      <c r="G703" s="109"/>
      <c r="H703" s="110"/>
    </row>
    <row r="704" spans="1:8" s="23" customFormat="1" ht="24.95" customHeight="1" x14ac:dyDescent="0.25">
      <c r="A704" s="44" t="s">
        <v>49</v>
      </c>
      <c r="B704" s="42" t="s">
        <v>406</v>
      </c>
      <c r="C704" s="112"/>
      <c r="D704" s="112"/>
      <c r="E704" s="46"/>
      <c r="F704" s="111"/>
      <c r="G704" s="109"/>
      <c r="H704" s="110"/>
    </row>
    <row r="705" spans="1:8" s="23" customFormat="1" ht="24.95" customHeight="1" x14ac:dyDescent="0.25">
      <c r="A705" s="49" t="s">
        <v>167</v>
      </c>
      <c r="B705" s="100" t="s">
        <v>334</v>
      </c>
      <c r="C705" s="101"/>
      <c r="D705" s="101"/>
      <c r="E705" s="101"/>
      <c r="F705" s="101"/>
      <c r="G705" s="101"/>
      <c r="H705" s="102"/>
    </row>
    <row r="706" spans="1:8" s="23" customFormat="1" ht="24.95" customHeight="1" x14ac:dyDescent="0.25">
      <c r="A706" s="44" t="s">
        <v>11</v>
      </c>
      <c r="B706" s="42" t="s">
        <v>695</v>
      </c>
      <c r="C706" s="103" t="s">
        <v>796</v>
      </c>
      <c r="D706" s="103"/>
      <c r="E706" s="46"/>
      <c r="F706" s="106"/>
      <c r="G706" s="109"/>
      <c r="H706" s="110"/>
    </row>
    <row r="707" spans="1:8" s="23" customFormat="1" ht="24.95" customHeight="1" x14ac:dyDescent="0.25">
      <c r="A707" s="44" t="s">
        <v>44</v>
      </c>
      <c r="B707" s="42" t="s">
        <v>712</v>
      </c>
      <c r="C707" s="104"/>
      <c r="D707" s="104"/>
      <c r="E707" s="46"/>
      <c r="F707" s="107"/>
      <c r="G707" s="109"/>
      <c r="H707" s="110"/>
    </row>
    <row r="708" spans="1:8" s="23" customFormat="1" ht="24.95" customHeight="1" x14ac:dyDescent="0.25">
      <c r="A708" s="44" t="s">
        <v>45</v>
      </c>
      <c r="B708" s="42" t="s">
        <v>713</v>
      </c>
      <c r="C708" s="104"/>
      <c r="D708" s="104"/>
      <c r="E708" s="46"/>
      <c r="F708" s="107"/>
      <c r="G708" s="109"/>
      <c r="H708" s="110"/>
    </row>
    <row r="709" spans="1:8" s="23" customFormat="1" ht="24.95" customHeight="1" x14ac:dyDescent="0.25">
      <c r="A709" s="44" t="s">
        <v>46</v>
      </c>
      <c r="B709" s="42" t="s">
        <v>698</v>
      </c>
      <c r="C709" s="104"/>
      <c r="D709" s="104"/>
      <c r="E709" s="46"/>
      <c r="F709" s="107"/>
      <c r="G709" s="109"/>
      <c r="H709" s="110"/>
    </row>
    <row r="710" spans="1:8" s="23" customFormat="1" ht="24.95" customHeight="1" x14ac:dyDescent="0.25">
      <c r="A710" s="44" t="s">
        <v>47</v>
      </c>
      <c r="B710" s="42" t="s">
        <v>410</v>
      </c>
      <c r="C710" s="112"/>
      <c r="D710" s="112"/>
      <c r="E710" s="46"/>
      <c r="F710" s="111"/>
      <c r="G710" s="109"/>
      <c r="H710" s="110"/>
    </row>
    <row r="711" spans="1:8" s="23" customFormat="1" ht="24.95" customHeight="1" x14ac:dyDescent="0.25">
      <c r="A711" s="49" t="s">
        <v>168</v>
      </c>
      <c r="B711" s="100" t="s">
        <v>335</v>
      </c>
      <c r="C711" s="101"/>
      <c r="D711" s="101"/>
      <c r="E711" s="101"/>
      <c r="F711" s="101"/>
      <c r="G711" s="101"/>
      <c r="H711" s="102"/>
    </row>
    <row r="712" spans="1:8" s="23" customFormat="1" ht="24.95" customHeight="1" x14ac:dyDescent="0.25">
      <c r="A712" s="44" t="s">
        <v>11</v>
      </c>
      <c r="B712" s="42" t="s">
        <v>714</v>
      </c>
      <c r="C712" s="103" t="s">
        <v>753</v>
      </c>
      <c r="D712" s="103"/>
      <c r="E712" s="46"/>
      <c r="F712" s="106"/>
      <c r="G712" s="109"/>
      <c r="H712" s="110"/>
    </row>
    <row r="713" spans="1:8" s="23" customFormat="1" ht="24.95" customHeight="1" x14ac:dyDescent="0.25">
      <c r="A713" s="44" t="s">
        <v>44</v>
      </c>
      <c r="B713" s="42" t="s">
        <v>715</v>
      </c>
      <c r="C713" s="104"/>
      <c r="D713" s="104"/>
      <c r="E713" s="46"/>
      <c r="F713" s="107"/>
      <c r="G713" s="109"/>
      <c r="H713" s="110"/>
    </row>
    <row r="714" spans="1:8" s="23" customFormat="1" ht="24.95" customHeight="1" x14ac:dyDescent="0.25">
      <c r="A714" s="44" t="s">
        <v>45</v>
      </c>
      <c r="B714" s="42" t="s">
        <v>716</v>
      </c>
      <c r="C714" s="104"/>
      <c r="D714" s="104"/>
      <c r="E714" s="46"/>
      <c r="F714" s="107"/>
      <c r="G714" s="109"/>
      <c r="H714" s="110"/>
    </row>
    <row r="715" spans="1:8" s="23" customFormat="1" ht="24.95" customHeight="1" x14ac:dyDescent="0.25">
      <c r="A715" s="44" t="s">
        <v>46</v>
      </c>
      <c r="B715" s="42" t="s">
        <v>406</v>
      </c>
      <c r="C715" s="112"/>
      <c r="D715" s="112"/>
      <c r="E715" s="46"/>
      <c r="F715" s="111"/>
      <c r="G715" s="109"/>
      <c r="H715" s="110"/>
    </row>
    <row r="716" spans="1:8" s="23" customFormat="1" ht="24.95" customHeight="1" x14ac:dyDescent="0.25">
      <c r="A716" s="49" t="s">
        <v>169</v>
      </c>
      <c r="B716" s="100" t="s">
        <v>336</v>
      </c>
      <c r="C716" s="101"/>
      <c r="D716" s="101"/>
      <c r="E716" s="101"/>
      <c r="F716" s="101"/>
      <c r="G716" s="101"/>
      <c r="H716" s="102"/>
    </row>
    <row r="717" spans="1:8" s="23" customFormat="1" ht="24.95" customHeight="1" x14ac:dyDescent="0.25">
      <c r="A717" s="44" t="s">
        <v>11</v>
      </c>
      <c r="B717" s="42" t="s">
        <v>717</v>
      </c>
      <c r="C717" s="103" t="s">
        <v>797</v>
      </c>
      <c r="D717" s="103"/>
      <c r="E717" s="46"/>
      <c r="F717" s="106"/>
      <c r="G717" s="109"/>
      <c r="H717" s="110"/>
    </row>
    <row r="718" spans="1:8" s="23" customFormat="1" ht="24.95" customHeight="1" x14ac:dyDescent="0.25">
      <c r="A718" s="44" t="s">
        <v>44</v>
      </c>
      <c r="B718" s="42" t="s">
        <v>718</v>
      </c>
      <c r="C718" s="104"/>
      <c r="D718" s="104"/>
      <c r="E718" s="46"/>
      <c r="F718" s="107"/>
      <c r="G718" s="109"/>
      <c r="H718" s="110"/>
    </row>
    <row r="719" spans="1:8" s="23" customFormat="1" ht="24.95" customHeight="1" x14ac:dyDescent="0.25">
      <c r="A719" s="44" t="s">
        <v>45</v>
      </c>
      <c r="B719" s="42" t="s">
        <v>719</v>
      </c>
      <c r="C719" s="104"/>
      <c r="D719" s="104"/>
      <c r="E719" s="46"/>
      <c r="F719" s="107"/>
      <c r="G719" s="109"/>
      <c r="H719" s="110"/>
    </row>
    <row r="720" spans="1:8" s="23" customFormat="1" ht="24.95" customHeight="1" x14ac:dyDescent="0.25">
      <c r="A720" s="44" t="s">
        <v>46</v>
      </c>
      <c r="B720" s="42" t="s">
        <v>720</v>
      </c>
      <c r="C720" s="104"/>
      <c r="D720" s="104"/>
      <c r="E720" s="46"/>
      <c r="F720" s="107"/>
      <c r="G720" s="109"/>
      <c r="H720" s="110"/>
    </row>
    <row r="721" spans="1:8" s="23" customFormat="1" ht="24.95" customHeight="1" x14ac:dyDescent="0.25">
      <c r="A721" s="44" t="s">
        <v>47</v>
      </c>
      <c r="B721" s="42" t="s">
        <v>416</v>
      </c>
      <c r="C721" s="104"/>
      <c r="D721" s="104"/>
      <c r="E721" s="46"/>
      <c r="F721" s="107"/>
      <c r="G721" s="109"/>
      <c r="H721" s="110"/>
    </row>
    <row r="722" spans="1:8" s="23" customFormat="1" ht="24.95" customHeight="1" x14ac:dyDescent="0.25">
      <c r="A722" s="44" t="s">
        <v>48</v>
      </c>
      <c r="B722" s="42" t="s">
        <v>406</v>
      </c>
      <c r="C722" s="112"/>
      <c r="D722" s="112"/>
      <c r="E722" s="46"/>
      <c r="F722" s="111"/>
      <c r="G722" s="109"/>
      <c r="H722" s="110"/>
    </row>
    <row r="723" spans="1:8" s="23" customFormat="1" ht="24.95" customHeight="1" x14ac:dyDescent="0.25">
      <c r="A723" s="49" t="s">
        <v>170</v>
      </c>
      <c r="B723" s="100" t="s">
        <v>337</v>
      </c>
      <c r="C723" s="101"/>
      <c r="D723" s="101"/>
      <c r="E723" s="101"/>
      <c r="F723" s="101"/>
      <c r="G723" s="101"/>
      <c r="H723" s="102"/>
    </row>
    <row r="724" spans="1:8" s="23" customFormat="1" ht="24.95" customHeight="1" x14ac:dyDescent="0.25">
      <c r="A724" s="44" t="s">
        <v>11</v>
      </c>
      <c r="B724" s="42" t="s">
        <v>456</v>
      </c>
      <c r="C724" s="103" t="s">
        <v>753</v>
      </c>
      <c r="D724" s="103"/>
      <c r="E724" s="46"/>
      <c r="F724" s="106"/>
      <c r="G724" s="109"/>
      <c r="H724" s="110"/>
    </row>
    <row r="725" spans="1:8" s="23" customFormat="1" ht="24.95" customHeight="1" x14ac:dyDescent="0.25">
      <c r="A725" s="44" t="s">
        <v>44</v>
      </c>
      <c r="B725" s="42" t="s">
        <v>721</v>
      </c>
      <c r="C725" s="104"/>
      <c r="D725" s="104"/>
      <c r="E725" s="46"/>
      <c r="F725" s="107"/>
      <c r="G725" s="109"/>
      <c r="H725" s="110"/>
    </row>
    <row r="726" spans="1:8" s="23" customFormat="1" ht="24.95" customHeight="1" x14ac:dyDescent="0.25">
      <c r="A726" s="44" t="s">
        <v>45</v>
      </c>
      <c r="B726" s="42" t="s">
        <v>722</v>
      </c>
      <c r="C726" s="104"/>
      <c r="D726" s="104"/>
      <c r="E726" s="46"/>
      <c r="F726" s="107"/>
      <c r="G726" s="109"/>
      <c r="H726" s="110"/>
    </row>
    <row r="727" spans="1:8" s="23" customFormat="1" ht="24.95" customHeight="1" x14ac:dyDescent="0.25">
      <c r="A727" s="44" t="s">
        <v>46</v>
      </c>
      <c r="B727" s="42" t="s">
        <v>723</v>
      </c>
      <c r="C727" s="104"/>
      <c r="D727" s="104"/>
      <c r="E727" s="46"/>
      <c r="F727" s="107"/>
      <c r="G727" s="109"/>
      <c r="H727" s="110"/>
    </row>
    <row r="728" spans="1:8" s="23" customFormat="1" ht="24.95" customHeight="1" x14ac:dyDescent="0.25">
      <c r="A728" s="44" t="s">
        <v>47</v>
      </c>
      <c r="B728" s="42" t="s">
        <v>724</v>
      </c>
      <c r="C728" s="104"/>
      <c r="D728" s="104"/>
      <c r="E728" s="46"/>
      <c r="F728" s="107"/>
      <c r="G728" s="109"/>
      <c r="H728" s="110"/>
    </row>
    <row r="729" spans="1:8" s="23" customFormat="1" ht="24.95" customHeight="1" x14ac:dyDescent="0.25">
      <c r="A729" s="44" t="s">
        <v>48</v>
      </c>
      <c r="B729" s="42" t="s">
        <v>406</v>
      </c>
      <c r="C729" s="112"/>
      <c r="D729" s="112"/>
      <c r="E729" s="46"/>
      <c r="F729" s="111"/>
      <c r="G729" s="109"/>
      <c r="H729" s="110"/>
    </row>
    <row r="730" spans="1:8" s="23" customFormat="1" ht="24.95" customHeight="1" x14ac:dyDescent="0.25">
      <c r="A730" s="49" t="s">
        <v>171</v>
      </c>
      <c r="B730" s="100" t="s">
        <v>338</v>
      </c>
      <c r="C730" s="101"/>
      <c r="D730" s="101"/>
      <c r="E730" s="101"/>
      <c r="F730" s="101"/>
      <c r="G730" s="101"/>
      <c r="H730" s="102"/>
    </row>
    <row r="731" spans="1:8" s="23" customFormat="1" ht="24.95" customHeight="1" x14ac:dyDescent="0.25">
      <c r="A731" s="44" t="s">
        <v>11</v>
      </c>
      <c r="B731" s="42" t="s">
        <v>412</v>
      </c>
      <c r="C731" s="103" t="s">
        <v>753</v>
      </c>
      <c r="D731" s="103"/>
      <c r="E731" s="46"/>
      <c r="F731" s="106"/>
      <c r="G731" s="109"/>
      <c r="H731" s="110"/>
    </row>
    <row r="732" spans="1:8" s="23" customFormat="1" ht="24.95" customHeight="1" x14ac:dyDescent="0.25">
      <c r="A732" s="44" t="s">
        <v>44</v>
      </c>
      <c r="B732" s="42" t="s">
        <v>721</v>
      </c>
      <c r="C732" s="104"/>
      <c r="D732" s="104"/>
      <c r="E732" s="46"/>
      <c r="F732" s="107"/>
      <c r="G732" s="109"/>
      <c r="H732" s="110"/>
    </row>
    <row r="733" spans="1:8" s="23" customFormat="1" ht="24.95" customHeight="1" x14ac:dyDescent="0.25">
      <c r="A733" s="44" t="s">
        <v>45</v>
      </c>
      <c r="B733" s="42" t="s">
        <v>722</v>
      </c>
      <c r="C733" s="104"/>
      <c r="D733" s="104"/>
      <c r="E733" s="46"/>
      <c r="F733" s="107"/>
      <c r="G733" s="109"/>
      <c r="H733" s="110"/>
    </row>
    <row r="734" spans="1:8" s="23" customFormat="1" ht="24.95" customHeight="1" x14ac:dyDescent="0.25">
      <c r="A734" s="44" t="s">
        <v>46</v>
      </c>
      <c r="B734" s="42" t="s">
        <v>723</v>
      </c>
      <c r="C734" s="104"/>
      <c r="D734" s="104"/>
      <c r="E734" s="46"/>
      <c r="F734" s="107"/>
      <c r="G734" s="109"/>
      <c r="H734" s="110"/>
    </row>
    <row r="735" spans="1:8" s="23" customFormat="1" ht="24.95" customHeight="1" x14ac:dyDescent="0.25">
      <c r="A735" s="44" t="s">
        <v>47</v>
      </c>
      <c r="B735" s="42" t="s">
        <v>725</v>
      </c>
      <c r="C735" s="104"/>
      <c r="D735" s="104"/>
      <c r="E735" s="46"/>
      <c r="F735" s="107"/>
      <c r="G735" s="109"/>
      <c r="H735" s="110"/>
    </row>
    <row r="736" spans="1:8" s="23" customFormat="1" ht="24.95" customHeight="1" x14ac:dyDescent="0.25">
      <c r="A736" s="44" t="s">
        <v>48</v>
      </c>
      <c r="B736" s="42" t="s">
        <v>406</v>
      </c>
      <c r="C736" s="112"/>
      <c r="D736" s="112"/>
      <c r="E736" s="46"/>
      <c r="F736" s="111"/>
      <c r="G736" s="109"/>
      <c r="H736" s="110"/>
    </row>
    <row r="737" spans="1:8" s="23" customFormat="1" ht="24.95" customHeight="1" x14ac:dyDescent="0.25">
      <c r="A737" s="49" t="s">
        <v>172</v>
      </c>
      <c r="B737" s="100" t="s">
        <v>339</v>
      </c>
      <c r="C737" s="101"/>
      <c r="D737" s="101"/>
      <c r="E737" s="101"/>
      <c r="F737" s="101"/>
      <c r="G737" s="101"/>
      <c r="H737" s="102"/>
    </row>
    <row r="738" spans="1:8" s="23" customFormat="1" ht="24.95" customHeight="1" x14ac:dyDescent="0.25">
      <c r="A738" s="44" t="s">
        <v>11</v>
      </c>
      <c r="B738" s="42" t="s">
        <v>402</v>
      </c>
      <c r="C738" s="103" t="s">
        <v>753</v>
      </c>
      <c r="D738" s="103"/>
      <c r="E738" s="46"/>
      <c r="F738" s="106"/>
      <c r="G738" s="109"/>
      <c r="H738" s="110"/>
    </row>
    <row r="739" spans="1:8" s="23" customFormat="1" ht="24.95" customHeight="1" x14ac:dyDescent="0.25">
      <c r="A739" s="44" t="s">
        <v>44</v>
      </c>
      <c r="B739" s="42" t="s">
        <v>721</v>
      </c>
      <c r="C739" s="104"/>
      <c r="D739" s="104"/>
      <c r="E739" s="46"/>
      <c r="F739" s="107"/>
      <c r="G739" s="109"/>
      <c r="H739" s="110"/>
    </row>
    <row r="740" spans="1:8" s="23" customFormat="1" ht="24.95" customHeight="1" x14ac:dyDescent="0.25">
      <c r="A740" s="44" t="s">
        <v>45</v>
      </c>
      <c r="B740" s="42" t="s">
        <v>722</v>
      </c>
      <c r="C740" s="104"/>
      <c r="D740" s="104"/>
      <c r="E740" s="46"/>
      <c r="F740" s="107"/>
      <c r="G740" s="109"/>
      <c r="H740" s="110"/>
    </row>
    <row r="741" spans="1:8" s="23" customFormat="1" ht="24.95" customHeight="1" x14ac:dyDescent="0.25">
      <c r="A741" s="44" t="s">
        <v>46</v>
      </c>
      <c r="B741" s="42" t="s">
        <v>723</v>
      </c>
      <c r="C741" s="104"/>
      <c r="D741" s="104"/>
      <c r="E741" s="46"/>
      <c r="F741" s="107"/>
      <c r="G741" s="109"/>
      <c r="H741" s="110"/>
    </row>
    <row r="742" spans="1:8" s="23" customFormat="1" ht="24.95" customHeight="1" x14ac:dyDescent="0.25">
      <c r="A742" s="44" t="s">
        <v>47</v>
      </c>
      <c r="B742" s="42" t="s">
        <v>726</v>
      </c>
      <c r="C742" s="104"/>
      <c r="D742" s="104"/>
      <c r="E742" s="46"/>
      <c r="F742" s="107"/>
      <c r="G742" s="109"/>
      <c r="H742" s="110"/>
    </row>
    <row r="743" spans="1:8" s="23" customFormat="1" ht="24.95" customHeight="1" x14ac:dyDescent="0.25">
      <c r="A743" s="44" t="s">
        <v>48</v>
      </c>
      <c r="B743" s="42" t="s">
        <v>727</v>
      </c>
      <c r="C743" s="104"/>
      <c r="D743" s="104"/>
      <c r="E743" s="46"/>
      <c r="F743" s="107"/>
      <c r="G743" s="109"/>
      <c r="H743" s="110"/>
    </row>
    <row r="744" spans="1:8" s="23" customFormat="1" ht="24.95" customHeight="1" x14ac:dyDescent="0.25">
      <c r="A744" s="44" t="s">
        <v>49</v>
      </c>
      <c r="B744" s="42" t="s">
        <v>406</v>
      </c>
      <c r="C744" s="112"/>
      <c r="D744" s="112"/>
      <c r="E744" s="46"/>
      <c r="F744" s="111"/>
      <c r="G744" s="109"/>
      <c r="H744" s="110"/>
    </row>
    <row r="745" spans="1:8" s="23" customFormat="1" ht="24.95" customHeight="1" x14ac:dyDescent="0.25">
      <c r="A745" s="49" t="s">
        <v>173</v>
      </c>
      <c r="B745" s="100" t="s">
        <v>340</v>
      </c>
      <c r="C745" s="101"/>
      <c r="D745" s="101"/>
      <c r="E745" s="101"/>
      <c r="F745" s="101"/>
      <c r="G745" s="101"/>
      <c r="H745" s="102"/>
    </row>
    <row r="746" spans="1:8" s="23" customFormat="1" ht="24.95" customHeight="1" x14ac:dyDescent="0.25">
      <c r="A746" s="44" t="s">
        <v>11</v>
      </c>
      <c r="B746" s="42" t="s">
        <v>412</v>
      </c>
      <c r="C746" s="103" t="s">
        <v>753</v>
      </c>
      <c r="D746" s="103"/>
      <c r="E746" s="46"/>
      <c r="F746" s="106"/>
      <c r="G746" s="109"/>
      <c r="H746" s="110"/>
    </row>
    <row r="747" spans="1:8" s="23" customFormat="1" ht="24.95" customHeight="1" x14ac:dyDescent="0.25">
      <c r="A747" s="44" t="s">
        <v>44</v>
      </c>
      <c r="B747" s="42" t="s">
        <v>721</v>
      </c>
      <c r="C747" s="104"/>
      <c r="D747" s="104"/>
      <c r="E747" s="46"/>
      <c r="F747" s="107"/>
      <c r="G747" s="109"/>
      <c r="H747" s="110"/>
    </row>
    <row r="748" spans="1:8" s="23" customFormat="1" ht="24.95" customHeight="1" x14ac:dyDescent="0.25">
      <c r="A748" s="44" t="s">
        <v>45</v>
      </c>
      <c r="B748" s="42" t="s">
        <v>722</v>
      </c>
      <c r="C748" s="104"/>
      <c r="D748" s="104"/>
      <c r="E748" s="46"/>
      <c r="F748" s="107"/>
      <c r="G748" s="109"/>
      <c r="H748" s="110"/>
    </row>
    <row r="749" spans="1:8" s="23" customFormat="1" ht="24.95" customHeight="1" x14ac:dyDescent="0.25">
      <c r="A749" s="44" t="s">
        <v>46</v>
      </c>
      <c r="B749" s="42" t="s">
        <v>723</v>
      </c>
      <c r="C749" s="104"/>
      <c r="D749" s="104"/>
      <c r="E749" s="46"/>
      <c r="F749" s="107"/>
      <c r="G749" s="109"/>
      <c r="H749" s="110"/>
    </row>
    <row r="750" spans="1:8" s="23" customFormat="1" ht="24.95" customHeight="1" x14ac:dyDescent="0.25">
      <c r="A750" s="44" t="s">
        <v>47</v>
      </c>
      <c r="B750" s="42" t="s">
        <v>728</v>
      </c>
      <c r="C750" s="104"/>
      <c r="D750" s="104"/>
      <c r="E750" s="46"/>
      <c r="F750" s="107"/>
      <c r="G750" s="109"/>
      <c r="H750" s="110"/>
    </row>
    <row r="751" spans="1:8" s="23" customFormat="1" ht="24.95" customHeight="1" x14ac:dyDescent="0.25">
      <c r="A751" s="44" t="s">
        <v>48</v>
      </c>
      <c r="B751" s="42" t="s">
        <v>729</v>
      </c>
      <c r="C751" s="104"/>
      <c r="D751" s="104"/>
      <c r="E751" s="46"/>
      <c r="F751" s="107"/>
      <c r="G751" s="109"/>
      <c r="H751" s="110"/>
    </row>
    <row r="752" spans="1:8" s="23" customFormat="1" ht="24.95" customHeight="1" x14ac:dyDescent="0.25">
      <c r="A752" s="44" t="s">
        <v>49</v>
      </c>
      <c r="B752" s="42" t="s">
        <v>730</v>
      </c>
      <c r="C752" s="104"/>
      <c r="D752" s="104"/>
      <c r="E752" s="46"/>
      <c r="F752" s="107"/>
      <c r="G752" s="109"/>
      <c r="H752" s="110"/>
    </row>
    <row r="753" spans="1:8" s="23" customFormat="1" ht="24.95" customHeight="1" x14ac:dyDescent="0.25">
      <c r="A753" s="44" t="s">
        <v>50</v>
      </c>
      <c r="B753" s="42" t="s">
        <v>406</v>
      </c>
      <c r="C753" s="112"/>
      <c r="D753" s="112"/>
      <c r="E753" s="46"/>
      <c r="F753" s="111"/>
      <c r="G753" s="109"/>
      <c r="H753" s="110"/>
    </row>
    <row r="754" spans="1:8" s="23" customFormat="1" ht="24.95" customHeight="1" x14ac:dyDescent="0.25">
      <c r="A754" s="49" t="s">
        <v>174</v>
      </c>
      <c r="B754" s="100" t="s">
        <v>341</v>
      </c>
      <c r="C754" s="101"/>
      <c r="D754" s="101"/>
      <c r="E754" s="101"/>
      <c r="F754" s="101"/>
      <c r="G754" s="101"/>
      <c r="H754" s="102"/>
    </row>
    <row r="755" spans="1:8" s="23" customFormat="1" ht="24.95" customHeight="1" x14ac:dyDescent="0.25">
      <c r="A755" s="44" t="s">
        <v>11</v>
      </c>
      <c r="B755" s="42" t="s">
        <v>402</v>
      </c>
      <c r="C755" s="103" t="s">
        <v>753</v>
      </c>
      <c r="D755" s="103"/>
      <c r="E755" s="46"/>
      <c r="F755" s="106"/>
      <c r="G755" s="109"/>
      <c r="H755" s="110"/>
    </row>
    <row r="756" spans="1:8" s="23" customFormat="1" ht="24.95" customHeight="1" x14ac:dyDescent="0.25">
      <c r="A756" s="44" t="s">
        <v>44</v>
      </c>
      <c r="B756" s="42" t="s">
        <v>721</v>
      </c>
      <c r="C756" s="104"/>
      <c r="D756" s="104"/>
      <c r="E756" s="46"/>
      <c r="F756" s="107"/>
      <c r="G756" s="109"/>
      <c r="H756" s="110"/>
    </row>
    <row r="757" spans="1:8" s="23" customFormat="1" ht="24.95" customHeight="1" x14ac:dyDescent="0.25">
      <c r="A757" s="44" t="s">
        <v>45</v>
      </c>
      <c r="B757" s="42" t="s">
        <v>722</v>
      </c>
      <c r="C757" s="104"/>
      <c r="D757" s="104"/>
      <c r="E757" s="46"/>
      <c r="F757" s="107"/>
      <c r="G757" s="109"/>
      <c r="H757" s="110"/>
    </row>
    <row r="758" spans="1:8" s="23" customFormat="1" ht="24.95" customHeight="1" x14ac:dyDescent="0.25">
      <c r="A758" s="44" t="s">
        <v>46</v>
      </c>
      <c r="B758" s="42" t="s">
        <v>731</v>
      </c>
      <c r="C758" s="104"/>
      <c r="D758" s="104"/>
      <c r="E758" s="46"/>
      <c r="F758" s="107"/>
      <c r="G758" s="109"/>
      <c r="H758" s="110"/>
    </row>
    <row r="759" spans="1:8" s="23" customFormat="1" ht="24.95" customHeight="1" x14ac:dyDescent="0.25">
      <c r="A759" s="44" t="s">
        <v>47</v>
      </c>
      <c r="B759" s="42" t="s">
        <v>732</v>
      </c>
      <c r="C759" s="104"/>
      <c r="D759" s="104"/>
      <c r="E759" s="46"/>
      <c r="F759" s="107"/>
      <c r="G759" s="109"/>
      <c r="H759" s="110"/>
    </row>
    <row r="760" spans="1:8" s="23" customFormat="1" ht="24.95" customHeight="1" x14ac:dyDescent="0.25">
      <c r="A760" s="44" t="s">
        <v>48</v>
      </c>
      <c r="B760" s="42" t="s">
        <v>406</v>
      </c>
      <c r="C760" s="112"/>
      <c r="D760" s="112"/>
      <c r="E760" s="46"/>
      <c r="F760" s="111"/>
      <c r="G760" s="109"/>
      <c r="H760" s="110"/>
    </row>
    <row r="761" spans="1:8" s="23" customFormat="1" ht="24.95" customHeight="1" x14ac:dyDescent="0.25">
      <c r="A761" s="49" t="s">
        <v>175</v>
      </c>
      <c r="B761" s="100" t="s">
        <v>342</v>
      </c>
      <c r="C761" s="101"/>
      <c r="D761" s="101"/>
      <c r="E761" s="101"/>
      <c r="F761" s="101"/>
      <c r="G761" s="101"/>
      <c r="H761" s="102"/>
    </row>
    <row r="762" spans="1:8" s="23" customFormat="1" ht="24.95" customHeight="1" x14ac:dyDescent="0.25">
      <c r="A762" s="44" t="s">
        <v>11</v>
      </c>
      <c r="B762" s="42" t="s">
        <v>402</v>
      </c>
      <c r="C762" s="103" t="s">
        <v>753</v>
      </c>
      <c r="D762" s="103"/>
      <c r="E762" s="46"/>
      <c r="F762" s="106"/>
      <c r="G762" s="109"/>
      <c r="H762" s="110"/>
    </row>
    <row r="763" spans="1:8" s="23" customFormat="1" ht="24.95" customHeight="1" x14ac:dyDescent="0.25">
      <c r="A763" s="44" t="s">
        <v>44</v>
      </c>
      <c r="B763" s="42" t="s">
        <v>733</v>
      </c>
      <c r="C763" s="104"/>
      <c r="D763" s="104"/>
      <c r="E763" s="46"/>
      <c r="F763" s="107"/>
      <c r="G763" s="109"/>
      <c r="H763" s="110"/>
    </row>
    <row r="764" spans="1:8" s="23" customFormat="1" ht="24.95" customHeight="1" x14ac:dyDescent="0.25">
      <c r="A764" s="44" t="s">
        <v>45</v>
      </c>
      <c r="B764" s="42" t="s">
        <v>734</v>
      </c>
      <c r="C764" s="104"/>
      <c r="D764" s="104"/>
      <c r="E764" s="46"/>
      <c r="F764" s="107"/>
      <c r="G764" s="109"/>
      <c r="H764" s="110"/>
    </row>
    <row r="765" spans="1:8" s="23" customFormat="1" ht="24.95" customHeight="1" x14ac:dyDescent="0.25">
      <c r="A765" s="44" t="s">
        <v>46</v>
      </c>
      <c r="B765" s="42" t="s">
        <v>732</v>
      </c>
      <c r="C765" s="104"/>
      <c r="D765" s="104"/>
      <c r="E765" s="46"/>
      <c r="F765" s="107"/>
      <c r="G765" s="109"/>
      <c r="H765" s="110"/>
    </row>
    <row r="766" spans="1:8" s="23" customFormat="1" ht="24.95" customHeight="1" x14ac:dyDescent="0.25">
      <c r="A766" s="44" t="s">
        <v>47</v>
      </c>
      <c r="B766" s="42" t="s">
        <v>735</v>
      </c>
      <c r="C766" s="104"/>
      <c r="D766" s="104"/>
      <c r="E766" s="46"/>
      <c r="F766" s="107"/>
      <c r="G766" s="109"/>
      <c r="H766" s="110"/>
    </row>
    <row r="767" spans="1:8" s="23" customFormat="1" ht="24.95" customHeight="1" x14ac:dyDescent="0.25">
      <c r="A767" s="44" t="s">
        <v>48</v>
      </c>
      <c r="B767" s="42" t="s">
        <v>406</v>
      </c>
      <c r="C767" s="112"/>
      <c r="D767" s="112"/>
      <c r="E767" s="46"/>
      <c r="F767" s="111"/>
      <c r="G767" s="109"/>
      <c r="H767" s="110"/>
    </row>
    <row r="768" spans="1:8" s="23" customFormat="1" ht="24.95" customHeight="1" x14ac:dyDescent="0.25">
      <c r="A768" s="49" t="s">
        <v>176</v>
      </c>
      <c r="B768" s="100" t="s">
        <v>343</v>
      </c>
      <c r="C768" s="101"/>
      <c r="D768" s="101"/>
      <c r="E768" s="101"/>
      <c r="F768" s="101"/>
      <c r="G768" s="101"/>
      <c r="H768" s="102"/>
    </row>
    <row r="769" spans="1:8" s="23" customFormat="1" ht="24.95" customHeight="1" x14ac:dyDescent="0.25">
      <c r="A769" s="44" t="s">
        <v>11</v>
      </c>
      <c r="B769" s="42" t="s">
        <v>736</v>
      </c>
      <c r="C769" s="103" t="s">
        <v>753</v>
      </c>
      <c r="D769" s="103"/>
      <c r="E769" s="46"/>
      <c r="F769" s="106"/>
      <c r="G769" s="109"/>
      <c r="H769" s="110"/>
    </row>
    <row r="770" spans="1:8" s="23" customFormat="1" ht="24.95" customHeight="1" x14ac:dyDescent="0.25">
      <c r="A770" s="44" t="s">
        <v>44</v>
      </c>
      <c r="B770" s="42" t="s">
        <v>737</v>
      </c>
      <c r="C770" s="104"/>
      <c r="D770" s="104"/>
      <c r="E770" s="46"/>
      <c r="F770" s="107"/>
      <c r="G770" s="109"/>
      <c r="H770" s="110"/>
    </row>
    <row r="771" spans="1:8" s="23" customFormat="1" ht="24.95" customHeight="1" x14ac:dyDescent="0.25">
      <c r="A771" s="44" t="s">
        <v>45</v>
      </c>
      <c r="B771" s="42" t="s">
        <v>722</v>
      </c>
      <c r="C771" s="104"/>
      <c r="D771" s="104"/>
      <c r="E771" s="46"/>
      <c r="F771" s="107"/>
      <c r="G771" s="109"/>
      <c r="H771" s="110"/>
    </row>
    <row r="772" spans="1:8" s="23" customFormat="1" ht="24.95" customHeight="1" x14ac:dyDescent="0.25">
      <c r="A772" s="44" t="s">
        <v>46</v>
      </c>
      <c r="B772" s="42" t="s">
        <v>738</v>
      </c>
      <c r="C772" s="104"/>
      <c r="D772" s="104"/>
      <c r="E772" s="46"/>
      <c r="F772" s="107"/>
      <c r="G772" s="109"/>
      <c r="H772" s="110"/>
    </row>
    <row r="773" spans="1:8" s="23" customFormat="1" ht="24.95" customHeight="1" x14ac:dyDescent="0.25">
      <c r="A773" s="44" t="s">
        <v>47</v>
      </c>
      <c r="B773" s="42" t="s">
        <v>406</v>
      </c>
      <c r="C773" s="112"/>
      <c r="D773" s="112"/>
      <c r="E773" s="46"/>
      <c r="F773" s="111"/>
      <c r="G773" s="109"/>
      <c r="H773" s="110"/>
    </row>
    <row r="774" spans="1:8" s="23" customFormat="1" ht="24.95" customHeight="1" x14ac:dyDescent="0.25">
      <c r="A774" s="49" t="s">
        <v>177</v>
      </c>
      <c r="B774" s="100" t="s">
        <v>344</v>
      </c>
      <c r="C774" s="101"/>
      <c r="D774" s="101"/>
      <c r="E774" s="101"/>
      <c r="F774" s="101"/>
      <c r="G774" s="101"/>
      <c r="H774" s="102"/>
    </row>
    <row r="775" spans="1:8" s="23" customFormat="1" ht="24.95" customHeight="1" x14ac:dyDescent="0.25">
      <c r="A775" s="44" t="s">
        <v>11</v>
      </c>
      <c r="B775" s="42" t="s">
        <v>736</v>
      </c>
      <c r="C775" s="103" t="s">
        <v>753</v>
      </c>
      <c r="D775" s="103"/>
      <c r="E775" s="46"/>
      <c r="F775" s="106"/>
      <c r="G775" s="109"/>
      <c r="H775" s="110"/>
    </row>
    <row r="776" spans="1:8" s="23" customFormat="1" ht="24.95" customHeight="1" x14ac:dyDescent="0.25">
      <c r="A776" s="44" t="s">
        <v>44</v>
      </c>
      <c r="B776" s="42" t="s">
        <v>737</v>
      </c>
      <c r="C776" s="104"/>
      <c r="D776" s="104"/>
      <c r="E776" s="46"/>
      <c r="F776" s="107"/>
      <c r="G776" s="109"/>
      <c r="H776" s="110"/>
    </row>
    <row r="777" spans="1:8" s="23" customFormat="1" ht="24.95" customHeight="1" x14ac:dyDescent="0.25">
      <c r="A777" s="44" t="s">
        <v>45</v>
      </c>
      <c r="B777" s="42" t="s">
        <v>722</v>
      </c>
      <c r="C777" s="104"/>
      <c r="D777" s="104"/>
      <c r="E777" s="46"/>
      <c r="F777" s="107"/>
      <c r="G777" s="109"/>
      <c r="H777" s="110"/>
    </row>
    <row r="778" spans="1:8" s="23" customFormat="1" ht="24.95" customHeight="1" x14ac:dyDescent="0.25">
      <c r="A778" s="44" t="s">
        <v>46</v>
      </c>
      <c r="B778" s="42" t="s">
        <v>739</v>
      </c>
      <c r="C778" s="104"/>
      <c r="D778" s="104"/>
      <c r="E778" s="46"/>
      <c r="F778" s="107"/>
      <c r="G778" s="109"/>
      <c r="H778" s="110"/>
    </row>
    <row r="779" spans="1:8" s="23" customFormat="1" ht="24.95" customHeight="1" x14ac:dyDescent="0.25">
      <c r="A779" s="44" t="s">
        <v>47</v>
      </c>
      <c r="B779" s="42" t="s">
        <v>740</v>
      </c>
      <c r="C779" s="104"/>
      <c r="D779" s="104"/>
      <c r="E779" s="46"/>
      <c r="F779" s="107"/>
      <c r="G779" s="109"/>
      <c r="H779" s="110"/>
    </row>
    <row r="780" spans="1:8" s="23" customFormat="1" ht="24.95" customHeight="1" x14ac:dyDescent="0.25">
      <c r="A780" s="44" t="s">
        <v>48</v>
      </c>
      <c r="B780" s="42" t="s">
        <v>741</v>
      </c>
      <c r="C780" s="104"/>
      <c r="D780" s="104"/>
      <c r="E780" s="46"/>
      <c r="F780" s="107"/>
      <c r="G780" s="109"/>
      <c r="H780" s="110"/>
    </row>
    <row r="781" spans="1:8" s="23" customFormat="1" ht="24.95" customHeight="1" x14ac:dyDescent="0.25">
      <c r="A781" s="44" t="s">
        <v>49</v>
      </c>
      <c r="B781" s="42" t="s">
        <v>406</v>
      </c>
      <c r="C781" s="112"/>
      <c r="D781" s="112"/>
      <c r="E781" s="46"/>
      <c r="F781" s="111"/>
      <c r="G781" s="109"/>
      <c r="H781" s="110"/>
    </row>
    <row r="782" spans="1:8" s="23" customFormat="1" ht="24.95" customHeight="1" x14ac:dyDescent="0.25">
      <c r="A782" s="49" t="s">
        <v>178</v>
      </c>
      <c r="B782" s="100" t="s">
        <v>345</v>
      </c>
      <c r="C782" s="101"/>
      <c r="D782" s="101"/>
      <c r="E782" s="101"/>
      <c r="F782" s="101"/>
      <c r="G782" s="101"/>
      <c r="H782" s="102"/>
    </row>
    <row r="783" spans="1:8" s="23" customFormat="1" ht="24.95" customHeight="1" x14ac:dyDescent="0.25">
      <c r="A783" s="44" t="s">
        <v>11</v>
      </c>
      <c r="B783" s="42" t="s">
        <v>736</v>
      </c>
      <c r="C783" s="103" t="s">
        <v>753</v>
      </c>
      <c r="D783" s="103"/>
      <c r="E783" s="46"/>
      <c r="F783" s="106"/>
      <c r="G783" s="109"/>
      <c r="H783" s="110"/>
    </row>
    <row r="784" spans="1:8" s="23" customFormat="1" ht="24.95" customHeight="1" x14ac:dyDescent="0.25">
      <c r="A784" s="44" t="s">
        <v>44</v>
      </c>
      <c r="B784" s="42" t="s">
        <v>742</v>
      </c>
      <c r="C784" s="104"/>
      <c r="D784" s="104"/>
      <c r="E784" s="46"/>
      <c r="F784" s="107"/>
      <c r="G784" s="109"/>
      <c r="H784" s="110"/>
    </row>
    <row r="785" spans="1:8" s="23" customFormat="1" ht="24.95" customHeight="1" x14ac:dyDescent="0.25">
      <c r="A785" s="44" t="s">
        <v>45</v>
      </c>
      <c r="B785" s="42" t="s">
        <v>743</v>
      </c>
      <c r="C785" s="104"/>
      <c r="D785" s="104"/>
      <c r="E785" s="46"/>
      <c r="F785" s="107"/>
      <c r="G785" s="109"/>
      <c r="H785" s="110"/>
    </row>
    <row r="786" spans="1:8" s="23" customFormat="1" ht="24.95" customHeight="1" x14ac:dyDescent="0.25">
      <c r="A786" s="44" t="s">
        <v>46</v>
      </c>
      <c r="B786" s="42" t="s">
        <v>406</v>
      </c>
      <c r="C786" s="112"/>
      <c r="D786" s="112"/>
      <c r="E786" s="46"/>
      <c r="F786" s="111"/>
      <c r="G786" s="109"/>
      <c r="H786" s="110"/>
    </row>
    <row r="787" spans="1:8" s="23" customFormat="1" ht="24.95" customHeight="1" x14ac:dyDescent="0.25">
      <c r="A787" s="49" t="s">
        <v>179</v>
      </c>
      <c r="B787" s="100" t="s">
        <v>346</v>
      </c>
      <c r="C787" s="101"/>
      <c r="D787" s="101"/>
      <c r="E787" s="101"/>
      <c r="F787" s="101"/>
      <c r="G787" s="101"/>
      <c r="H787" s="102"/>
    </row>
    <row r="788" spans="1:8" s="23" customFormat="1" ht="24.95" customHeight="1" x14ac:dyDescent="0.25">
      <c r="A788" s="44" t="s">
        <v>11</v>
      </c>
      <c r="B788" s="42" t="s">
        <v>736</v>
      </c>
      <c r="C788" s="103" t="s">
        <v>753</v>
      </c>
      <c r="D788" s="103"/>
      <c r="E788" s="46"/>
      <c r="F788" s="106"/>
      <c r="G788" s="109"/>
      <c r="H788" s="110"/>
    </row>
    <row r="789" spans="1:8" s="23" customFormat="1" ht="24.95" customHeight="1" x14ac:dyDescent="0.25">
      <c r="A789" s="44" t="s">
        <v>44</v>
      </c>
      <c r="B789" s="42" t="s">
        <v>744</v>
      </c>
      <c r="C789" s="104"/>
      <c r="D789" s="104"/>
      <c r="E789" s="46"/>
      <c r="F789" s="107"/>
      <c r="G789" s="109"/>
      <c r="H789" s="110"/>
    </row>
    <row r="790" spans="1:8" s="23" customFormat="1" ht="24.95" customHeight="1" x14ac:dyDescent="0.25">
      <c r="A790" s="44" t="s">
        <v>45</v>
      </c>
      <c r="B790" s="42" t="s">
        <v>745</v>
      </c>
      <c r="C790" s="104"/>
      <c r="D790" s="104"/>
      <c r="E790" s="46"/>
      <c r="F790" s="107"/>
      <c r="G790" s="109"/>
      <c r="H790" s="110"/>
    </row>
    <row r="791" spans="1:8" s="23" customFormat="1" ht="24.95" customHeight="1" x14ac:dyDescent="0.25">
      <c r="A791" s="44" t="s">
        <v>46</v>
      </c>
      <c r="B791" s="42" t="s">
        <v>746</v>
      </c>
      <c r="C791" s="104"/>
      <c r="D791" s="104"/>
      <c r="E791" s="46"/>
      <c r="F791" s="107"/>
      <c r="G791" s="109"/>
      <c r="H791" s="110"/>
    </row>
    <row r="792" spans="1:8" s="23" customFormat="1" ht="24.95" customHeight="1" x14ac:dyDescent="0.25">
      <c r="A792" s="44" t="s">
        <v>47</v>
      </c>
      <c r="B792" s="42" t="s">
        <v>747</v>
      </c>
      <c r="C792" s="104"/>
      <c r="D792" s="104"/>
      <c r="E792" s="46"/>
      <c r="F792" s="107"/>
      <c r="G792" s="109"/>
      <c r="H792" s="110"/>
    </row>
    <row r="793" spans="1:8" s="23" customFormat="1" ht="24.95" customHeight="1" x14ac:dyDescent="0.25">
      <c r="A793" s="44" t="s">
        <v>48</v>
      </c>
      <c r="B793" s="42" t="s">
        <v>748</v>
      </c>
      <c r="C793" s="104"/>
      <c r="D793" s="104"/>
      <c r="E793" s="46"/>
      <c r="F793" s="107"/>
      <c r="G793" s="109"/>
      <c r="H793" s="110"/>
    </row>
    <row r="794" spans="1:8" s="23" customFormat="1" ht="24.75" customHeight="1" x14ac:dyDescent="0.25">
      <c r="A794" s="44" t="s">
        <v>49</v>
      </c>
      <c r="B794" s="42" t="s">
        <v>637</v>
      </c>
      <c r="C794" s="104"/>
      <c r="D794" s="104"/>
      <c r="E794" s="46"/>
      <c r="F794" s="107"/>
      <c r="G794" s="109"/>
      <c r="H794" s="110"/>
    </row>
    <row r="795" spans="1:8" s="23" customFormat="1" ht="24.75" customHeight="1" x14ac:dyDescent="0.25">
      <c r="A795" s="44" t="s">
        <v>50</v>
      </c>
      <c r="B795" s="42" t="s">
        <v>406</v>
      </c>
      <c r="C795" s="112"/>
      <c r="D795" s="112"/>
      <c r="E795" s="46"/>
      <c r="F795" s="111"/>
      <c r="G795" s="109"/>
      <c r="H795" s="110"/>
    </row>
    <row r="796" spans="1:8" s="23" customFormat="1" ht="24.95" customHeight="1" x14ac:dyDescent="0.25">
      <c r="A796" s="49" t="s">
        <v>180</v>
      </c>
      <c r="B796" s="100" t="s">
        <v>347</v>
      </c>
      <c r="C796" s="101"/>
      <c r="D796" s="101"/>
      <c r="E796" s="101"/>
      <c r="F796" s="101"/>
      <c r="G796" s="101"/>
      <c r="H796" s="102"/>
    </row>
    <row r="797" spans="1:8" s="23" customFormat="1" ht="24.95" customHeight="1" x14ac:dyDescent="0.25">
      <c r="A797" s="44" t="s">
        <v>11</v>
      </c>
      <c r="B797" s="42" t="s">
        <v>736</v>
      </c>
      <c r="C797" s="103" t="s">
        <v>753</v>
      </c>
      <c r="D797" s="103"/>
      <c r="E797" s="46"/>
      <c r="F797" s="106"/>
      <c r="G797" s="109"/>
      <c r="H797" s="110"/>
    </row>
    <row r="798" spans="1:8" s="23" customFormat="1" ht="24.95" customHeight="1" x14ac:dyDescent="0.25">
      <c r="A798" s="44" t="s">
        <v>44</v>
      </c>
      <c r="B798" s="42" t="s">
        <v>798</v>
      </c>
      <c r="C798" s="104"/>
      <c r="D798" s="104"/>
      <c r="E798" s="46"/>
      <c r="F798" s="107"/>
      <c r="G798" s="109"/>
      <c r="H798" s="110"/>
    </row>
    <row r="799" spans="1:8" s="23" customFormat="1" ht="24.95" customHeight="1" x14ac:dyDescent="0.25">
      <c r="A799" s="44" t="s">
        <v>45</v>
      </c>
      <c r="B799" s="42" t="s">
        <v>799</v>
      </c>
      <c r="C799" s="104"/>
      <c r="D799" s="104"/>
      <c r="E799" s="46"/>
      <c r="F799" s="107"/>
      <c r="G799" s="109"/>
      <c r="H799" s="110"/>
    </row>
    <row r="800" spans="1:8" s="23" customFormat="1" ht="24.95" customHeight="1" x14ac:dyDescent="0.25">
      <c r="A800" s="44" t="s">
        <v>46</v>
      </c>
      <c r="B800" s="42" t="s">
        <v>800</v>
      </c>
      <c r="C800" s="104"/>
      <c r="D800" s="104"/>
      <c r="E800" s="46"/>
      <c r="F800" s="107"/>
      <c r="G800" s="109"/>
      <c r="H800" s="110"/>
    </row>
    <row r="801" spans="1:8" s="23" customFormat="1" ht="24.95" customHeight="1" x14ac:dyDescent="0.25">
      <c r="A801" s="44" t="s">
        <v>47</v>
      </c>
      <c r="B801" s="42" t="s">
        <v>801</v>
      </c>
      <c r="C801" s="104"/>
      <c r="D801" s="104"/>
      <c r="E801" s="46"/>
      <c r="F801" s="107"/>
      <c r="G801" s="109"/>
      <c r="H801" s="110"/>
    </row>
    <row r="802" spans="1:8" s="23" customFormat="1" ht="24.95" customHeight="1" x14ac:dyDescent="0.25">
      <c r="A802" s="44" t="s">
        <v>48</v>
      </c>
      <c r="B802" s="42" t="s">
        <v>802</v>
      </c>
      <c r="C802" s="104"/>
      <c r="D802" s="104"/>
      <c r="E802" s="46"/>
      <c r="F802" s="107"/>
      <c r="G802" s="109"/>
      <c r="H802" s="110"/>
    </row>
    <row r="803" spans="1:8" s="23" customFormat="1" ht="24.95" customHeight="1" x14ac:dyDescent="0.25">
      <c r="A803" s="44" t="s">
        <v>49</v>
      </c>
      <c r="B803" s="42" t="s">
        <v>803</v>
      </c>
      <c r="C803" s="104"/>
      <c r="D803" s="104"/>
      <c r="E803" s="46"/>
      <c r="F803" s="107"/>
      <c r="G803" s="109"/>
      <c r="H803" s="110"/>
    </row>
    <row r="804" spans="1:8" s="23" customFormat="1" ht="24.95" customHeight="1" x14ac:dyDescent="0.25">
      <c r="A804" s="44" t="s">
        <v>50</v>
      </c>
      <c r="B804" s="42" t="s">
        <v>804</v>
      </c>
      <c r="C804" s="104"/>
      <c r="D804" s="104"/>
      <c r="E804" s="46"/>
      <c r="F804" s="107"/>
      <c r="G804" s="109"/>
      <c r="H804" s="110"/>
    </row>
    <row r="805" spans="1:8" s="23" customFormat="1" ht="24.95" customHeight="1" x14ac:dyDescent="0.25">
      <c r="A805" s="44" t="s">
        <v>51</v>
      </c>
      <c r="B805" s="42" t="s">
        <v>805</v>
      </c>
      <c r="C805" s="104"/>
      <c r="D805" s="104"/>
      <c r="E805" s="46"/>
      <c r="F805" s="107"/>
      <c r="G805" s="109"/>
      <c r="H805" s="110"/>
    </row>
    <row r="806" spans="1:8" s="23" customFormat="1" ht="24.95" customHeight="1" x14ac:dyDescent="0.25">
      <c r="A806" s="44" t="s">
        <v>52</v>
      </c>
      <c r="B806" s="42" t="s">
        <v>637</v>
      </c>
      <c r="C806" s="104"/>
      <c r="D806" s="104"/>
      <c r="E806" s="46"/>
      <c r="F806" s="107"/>
      <c r="G806" s="109"/>
      <c r="H806" s="110"/>
    </row>
    <row r="807" spans="1:8" s="23" customFormat="1" ht="24.95" customHeight="1" x14ac:dyDescent="0.25">
      <c r="A807" s="44" t="s">
        <v>53</v>
      </c>
      <c r="B807" s="42" t="s">
        <v>406</v>
      </c>
      <c r="C807" s="112"/>
      <c r="D807" s="112"/>
      <c r="E807" s="46"/>
      <c r="F807" s="111"/>
      <c r="G807" s="109"/>
      <c r="H807" s="110"/>
    </row>
    <row r="808" spans="1:8" s="23" customFormat="1" ht="24.95" customHeight="1" x14ac:dyDescent="0.25">
      <c r="A808" s="49" t="s">
        <v>181</v>
      </c>
      <c r="B808" s="100" t="s">
        <v>348</v>
      </c>
      <c r="C808" s="101"/>
      <c r="D808" s="101"/>
      <c r="E808" s="101"/>
      <c r="F808" s="101"/>
      <c r="G808" s="101"/>
      <c r="H808" s="102"/>
    </row>
    <row r="809" spans="1:8" s="23" customFormat="1" ht="24.95" customHeight="1" x14ac:dyDescent="0.25">
      <c r="A809" s="44" t="s">
        <v>11</v>
      </c>
      <c r="B809" s="42" t="s">
        <v>736</v>
      </c>
      <c r="C809" s="103" t="s">
        <v>753</v>
      </c>
      <c r="D809" s="103"/>
      <c r="E809" s="46"/>
      <c r="F809" s="106"/>
      <c r="G809" s="109"/>
      <c r="H809" s="110"/>
    </row>
    <row r="810" spans="1:8" s="23" customFormat="1" ht="24.95" customHeight="1" x14ac:dyDescent="0.25">
      <c r="A810" s="44" t="s">
        <v>44</v>
      </c>
      <c r="B810" s="42" t="s">
        <v>798</v>
      </c>
      <c r="C810" s="104"/>
      <c r="D810" s="104"/>
      <c r="E810" s="46"/>
      <c r="F810" s="107"/>
      <c r="G810" s="109"/>
      <c r="H810" s="110"/>
    </row>
    <row r="811" spans="1:8" s="23" customFormat="1" ht="24.95" customHeight="1" x14ac:dyDescent="0.25">
      <c r="A811" s="44" t="s">
        <v>45</v>
      </c>
      <c r="B811" s="42" t="s">
        <v>799</v>
      </c>
      <c r="C811" s="104"/>
      <c r="D811" s="104"/>
      <c r="E811" s="46"/>
      <c r="F811" s="107"/>
      <c r="G811" s="109"/>
      <c r="H811" s="110"/>
    </row>
    <row r="812" spans="1:8" s="23" customFormat="1" ht="24.95" customHeight="1" x14ac:dyDescent="0.25">
      <c r="A812" s="44" t="s">
        <v>46</v>
      </c>
      <c r="B812" s="42" t="s">
        <v>800</v>
      </c>
      <c r="C812" s="104"/>
      <c r="D812" s="104"/>
      <c r="E812" s="46"/>
      <c r="F812" s="107"/>
      <c r="G812" s="109"/>
      <c r="H812" s="110"/>
    </row>
    <row r="813" spans="1:8" s="23" customFormat="1" ht="24.95" customHeight="1" x14ac:dyDescent="0.25">
      <c r="A813" s="44" t="s">
        <v>47</v>
      </c>
      <c r="B813" s="42" t="s">
        <v>801</v>
      </c>
      <c r="C813" s="104"/>
      <c r="D813" s="104"/>
      <c r="E813" s="46"/>
      <c r="F813" s="107"/>
      <c r="G813" s="109"/>
      <c r="H813" s="110"/>
    </row>
    <row r="814" spans="1:8" s="23" customFormat="1" ht="24.95" customHeight="1" x14ac:dyDescent="0.25">
      <c r="A814" s="44" t="s">
        <v>48</v>
      </c>
      <c r="B814" s="42" t="s">
        <v>802</v>
      </c>
      <c r="C814" s="104"/>
      <c r="D814" s="104"/>
      <c r="E814" s="46"/>
      <c r="F814" s="107"/>
      <c r="G814" s="109"/>
      <c r="H814" s="110"/>
    </row>
    <row r="815" spans="1:8" s="23" customFormat="1" ht="24.95" customHeight="1" x14ac:dyDescent="0.25">
      <c r="A815" s="44" t="s">
        <v>49</v>
      </c>
      <c r="B815" s="42" t="s">
        <v>803</v>
      </c>
      <c r="C815" s="104"/>
      <c r="D815" s="104"/>
      <c r="E815" s="46"/>
      <c r="F815" s="107"/>
      <c r="G815" s="109"/>
      <c r="H815" s="110"/>
    </row>
    <row r="816" spans="1:8" s="23" customFormat="1" ht="24.95" customHeight="1" x14ac:dyDescent="0.25">
      <c r="A816" s="44" t="s">
        <v>50</v>
      </c>
      <c r="B816" s="42" t="s">
        <v>806</v>
      </c>
      <c r="C816" s="104"/>
      <c r="D816" s="104"/>
      <c r="E816" s="46"/>
      <c r="F816" s="107"/>
      <c r="G816" s="109"/>
      <c r="H816" s="110"/>
    </row>
    <row r="817" spans="1:8" s="23" customFormat="1" ht="24.95" customHeight="1" x14ac:dyDescent="0.25">
      <c r="A817" s="44" t="s">
        <v>51</v>
      </c>
      <c r="B817" s="42" t="s">
        <v>807</v>
      </c>
      <c r="C817" s="104"/>
      <c r="D817" s="104"/>
      <c r="E817" s="46"/>
      <c r="F817" s="107"/>
      <c r="G817" s="109"/>
      <c r="H817" s="110"/>
    </row>
    <row r="818" spans="1:8" s="23" customFormat="1" ht="24.95" customHeight="1" x14ac:dyDescent="0.25">
      <c r="A818" s="44" t="s">
        <v>52</v>
      </c>
      <c r="B818" s="42" t="s">
        <v>637</v>
      </c>
      <c r="C818" s="104"/>
      <c r="D818" s="104"/>
      <c r="E818" s="46"/>
      <c r="F818" s="107"/>
      <c r="G818" s="109"/>
      <c r="H818" s="110"/>
    </row>
    <row r="819" spans="1:8" s="23" customFormat="1" ht="24.95" customHeight="1" x14ac:dyDescent="0.25">
      <c r="A819" s="44" t="s">
        <v>53</v>
      </c>
      <c r="B819" s="42" t="s">
        <v>406</v>
      </c>
      <c r="C819" s="112"/>
      <c r="D819" s="112"/>
      <c r="E819" s="46"/>
      <c r="F819" s="111"/>
      <c r="G819" s="109"/>
      <c r="H819" s="110"/>
    </row>
    <row r="820" spans="1:8" s="23" customFormat="1" ht="24.95" customHeight="1" x14ac:dyDescent="0.25">
      <c r="A820" s="49" t="s">
        <v>182</v>
      </c>
      <c r="B820" s="100" t="s">
        <v>349</v>
      </c>
      <c r="C820" s="101"/>
      <c r="D820" s="101"/>
      <c r="E820" s="101"/>
      <c r="F820" s="101"/>
      <c r="G820" s="101"/>
      <c r="H820" s="102"/>
    </row>
    <row r="821" spans="1:8" s="23" customFormat="1" ht="24.95" customHeight="1" x14ac:dyDescent="0.25">
      <c r="A821" s="44" t="s">
        <v>11</v>
      </c>
      <c r="B821" s="42" t="s">
        <v>736</v>
      </c>
      <c r="C821" s="103" t="s">
        <v>753</v>
      </c>
      <c r="D821" s="103"/>
      <c r="E821" s="46"/>
      <c r="F821" s="106"/>
      <c r="G821" s="109"/>
      <c r="H821" s="110"/>
    </row>
    <row r="822" spans="1:8" s="23" customFormat="1" ht="24.95" customHeight="1" x14ac:dyDescent="0.25">
      <c r="A822" s="44" t="s">
        <v>44</v>
      </c>
      <c r="B822" s="42" t="s">
        <v>798</v>
      </c>
      <c r="C822" s="104"/>
      <c r="D822" s="104"/>
      <c r="E822" s="46"/>
      <c r="F822" s="107"/>
      <c r="G822" s="109"/>
      <c r="H822" s="110"/>
    </row>
    <row r="823" spans="1:8" s="23" customFormat="1" ht="24.95" customHeight="1" x14ac:dyDescent="0.25">
      <c r="A823" s="44" t="s">
        <v>45</v>
      </c>
      <c r="B823" s="42" t="s">
        <v>799</v>
      </c>
      <c r="C823" s="104"/>
      <c r="D823" s="104"/>
      <c r="E823" s="46"/>
      <c r="F823" s="107"/>
      <c r="G823" s="109"/>
      <c r="H823" s="110"/>
    </row>
    <row r="824" spans="1:8" s="23" customFormat="1" ht="24.95" customHeight="1" x14ac:dyDescent="0.25">
      <c r="A824" s="44" t="s">
        <v>46</v>
      </c>
      <c r="B824" s="42" t="s">
        <v>800</v>
      </c>
      <c r="C824" s="104"/>
      <c r="D824" s="104"/>
      <c r="E824" s="46"/>
      <c r="F824" s="107"/>
      <c r="G824" s="109"/>
      <c r="H824" s="110"/>
    </row>
    <row r="825" spans="1:8" s="23" customFormat="1" ht="24.95" customHeight="1" x14ac:dyDescent="0.25">
      <c r="A825" s="44" t="s">
        <v>47</v>
      </c>
      <c r="B825" s="42" t="s">
        <v>801</v>
      </c>
      <c r="C825" s="104"/>
      <c r="D825" s="104"/>
      <c r="E825" s="46"/>
      <c r="F825" s="107"/>
      <c r="G825" s="109"/>
      <c r="H825" s="110"/>
    </row>
    <row r="826" spans="1:8" s="23" customFormat="1" ht="24.95" customHeight="1" x14ac:dyDescent="0.25">
      <c r="A826" s="44" t="s">
        <v>48</v>
      </c>
      <c r="B826" s="42" t="s">
        <v>802</v>
      </c>
      <c r="C826" s="104"/>
      <c r="D826" s="104"/>
      <c r="E826" s="46"/>
      <c r="F826" s="107"/>
      <c r="G826" s="109"/>
      <c r="H826" s="110"/>
    </row>
    <row r="827" spans="1:8" s="23" customFormat="1" ht="24.95" customHeight="1" x14ac:dyDescent="0.25">
      <c r="A827" s="44" t="s">
        <v>49</v>
      </c>
      <c r="B827" s="42" t="s">
        <v>803</v>
      </c>
      <c r="C827" s="104"/>
      <c r="D827" s="104"/>
      <c r="E827" s="46"/>
      <c r="F827" s="107"/>
      <c r="G827" s="109"/>
      <c r="H827" s="110"/>
    </row>
    <row r="828" spans="1:8" s="23" customFormat="1" ht="24.95" customHeight="1" x14ac:dyDescent="0.25">
      <c r="A828" s="44" t="s">
        <v>50</v>
      </c>
      <c r="B828" s="42" t="s">
        <v>808</v>
      </c>
      <c r="C828" s="104"/>
      <c r="D828" s="104"/>
      <c r="E828" s="46"/>
      <c r="F828" s="107"/>
      <c r="G828" s="109"/>
      <c r="H828" s="110"/>
    </row>
    <row r="829" spans="1:8" s="23" customFormat="1" ht="24.95" customHeight="1" x14ac:dyDescent="0.25">
      <c r="A829" s="44" t="s">
        <v>51</v>
      </c>
      <c r="B829" s="42" t="s">
        <v>809</v>
      </c>
      <c r="C829" s="104"/>
      <c r="D829" s="104"/>
      <c r="E829" s="46"/>
      <c r="F829" s="107"/>
      <c r="G829" s="109"/>
      <c r="H829" s="110"/>
    </row>
    <row r="830" spans="1:8" s="23" customFormat="1" ht="24.95" customHeight="1" x14ac:dyDescent="0.25">
      <c r="A830" s="44" t="s">
        <v>52</v>
      </c>
      <c r="B830" s="42" t="s">
        <v>637</v>
      </c>
      <c r="C830" s="104"/>
      <c r="D830" s="104"/>
      <c r="E830" s="46"/>
      <c r="F830" s="107"/>
      <c r="G830" s="109"/>
      <c r="H830" s="110"/>
    </row>
    <row r="831" spans="1:8" s="23" customFormat="1" ht="24.95" customHeight="1" x14ac:dyDescent="0.25">
      <c r="A831" s="44" t="s">
        <v>53</v>
      </c>
      <c r="B831" s="42" t="s">
        <v>406</v>
      </c>
      <c r="C831" s="112"/>
      <c r="D831" s="112"/>
      <c r="E831" s="46"/>
      <c r="F831" s="111"/>
      <c r="G831" s="109"/>
      <c r="H831" s="110"/>
    </row>
    <row r="832" spans="1:8" s="23" customFormat="1" ht="24.95" customHeight="1" x14ac:dyDescent="0.25">
      <c r="A832" s="49" t="s">
        <v>183</v>
      </c>
      <c r="B832" s="100" t="s">
        <v>350</v>
      </c>
      <c r="C832" s="101"/>
      <c r="D832" s="101"/>
      <c r="E832" s="101"/>
      <c r="F832" s="101"/>
      <c r="G832" s="101"/>
      <c r="H832" s="102"/>
    </row>
    <row r="833" spans="1:8" s="23" customFormat="1" ht="24.95" customHeight="1" x14ac:dyDescent="0.25">
      <c r="A833" s="44" t="s">
        <v>11</v>
      </c>
      <c r="B833" s="42" t="s">
        <v>402</v>
      </c>
      <c r="C833" s="148" t="s">
        <v>753</v>
      </c>
      <c r="D833" s="148"/>
      <c r="E833" s="46"/>
      <c r="F833" s="106"/>
      <c r="G833" s="109"/>
      <c r="H833" s="110"/>
    </row>
    <row r="834" spans="1:8" s="23" customFormat="1" ht="24.95" customHeight="1" x14ac:dyDescent="0.25">
      <c r="A834" s="44" t="s">
        <v>44</v>
      </c>
      <c r="B834" s="42" t="s">
        <v>810</v>
      </c>
      <c r="C834" s="149"/>
      <c r="D834" s="149"/>
      <c r="E834" s="46"/>
      <c r="F834" s="107"/>
      <c r="G834" s="109"/>
      <c r="H834" s="110"/>
    </row>
    <row r="835" spans="1:8" s="23" customFormat="1" ht="24.95" customHeight="1" x14ac:dyDescent="0.25">
      <c r="A835" s="44" t="s">
        <v>45</v>
      </c>
      <c r="B835" s="42" t="s">
        <v>811</v>
      </c>
      <c r="C835" s="149"/>
      <c r="D835" s="149"/>
      <c r="E835" s="46"/>
      <c r="F835" s="107"/>
      <c r="G835" s="109"/>
      <c r="H835" s="110"/>
    </row>
    <row r="836" spans="1:8" s="23" customFormat="1" ht="24.95" customHeight="1" x14ac:dyDescent="0.25">
      <c r="A836" s="44" t="s">
        <v>46</v>
      </c>
      <c r="B836" s="42" t="s">
        <v>812</v>
      </c>
      <c r="C836" s="149"/>
      <c r="D836" s="149"/>
      <c r="E836" s="46"/>
      <c r="F836" s="107"/>
      <c r="G836" s="109"/>
      <c r="H836" s="110"/>
    </row>
    <row r="837" spans="1:8" s="23" customFormat="1" ht="24.95" customHeight="1" x14ac:dyDescent="0.25">
      <c r="A837" s="44" t="s">
        <v>47</v>
      </c>
      <c r="B837" s="42" t="s">
        <v>406</v>
      </c>
      <c r="C837" s="150"/>
      <c r="D837" s="150"/>
      <c r="E837" s="46"/>
      <c r="F837" s="111"/>
      <c r="G837" s="109"/>
      <c r="H837" s="110"/>
    </row>
    <row r="838" spans="1:8" s="23" customFormat="1" ht="24.95" customHeight="1" x14ac:dyDescent="0.25">
      <c r="A838" s="49" t="s">
        <v>184</v>
      </c>
      <c r="B838" s="100" t="s">
        <v>351</v>
      </c>
      <c r="C838" s="101"/>
      <c r="D838" s="101"/>
      <c r="E838" s="101"/>
      <c r="F838" s="101"/>
      <c r="G838" s="101"/>
      <c r="H838" s="102"/>
    </row>
    <row r="839" spans="1:8" s="23" customFormat="1" ht="24.95" customHeight="1" x14ac:dyDescent="0.25">
      <c r="A839" s="44" t="s">
        <v>11</v>
      </c>
      <c r="B839" s="42" t="s">
        <v>402</v>
      </c>
      <c r="C839" s="148" t="s">
        <v>753</v>
      </c>
      <c r="D839" s="148"/>
      <c r="E839" s="46"/>
      <c r="F839" s="106"/>
      <c r="G839" s="109"/>
      <c r="H839" s="110"/>
    </row>
    <row r="840" spans="1:8" s="23" customFormat="1" ht="24.95" customHeight="1" x14ac:dyDescent="0.25">
      <c r="A840" s="44" t="s">
        <v>44</v>
      </c>
      <c r="B840" s="42" t="s">
        <v>813</v>
      </c>
      <c r="C840" s="149"/>
      <c r="D840" s="149"/>
      <c r="E840" s="46"/>
      <c r="F840" s="107"/>
      <c r="G840" s="109"/>
      <c r="H840" s="110"/>
    </row>
    <row r="841" spans="1:8" s="23" customFormat="1" ht="24.95" customHeight="1" x14ac:dyDescent="0.25">
      <c r="A841" s="44" t="s">
        <v>45</v>
      </c>
      <c r="B841" s="42" t="s">
        <v>814</v>
      </c>
      <c r="C841" s="149"/>
      <c r="D841" s="149"/>
      <c r="E841" s="46"/>
      <c r="F841" s="107"/>
      <c r="G841" s="109"/>
      <c r="H841" s="110"/>
    </row>
    <row r="842" spans="1:8" s="23" customFormat="1" ht="27" customHeight="1" x14ac:dyDescent="0.25">
      <c r="A842" s="44" t="s">
        <v>46</v>
      </c>
      <c r="B842" s="42" t="s">
        <v>815</v>
      </c>
      <c r="C842" s="149"/>
      <c r="D842" s="149"/>
      <c r="E842" s="46"/>
      <c r="F842" s="107"/>
      <c r="G842" s="109"/>
      <c r="H842" s="110"/>
    </row>
    <row r="843" spans="1:8" s="23" customFormat="1" ht="24.95" customHeight="1" x14ac:dyDescent="0.25">
      <c r="A843" s="44" t="s">
        <v>47</v>
      </c>
      <c r="B843" s="42" t="s">
        <v>816</v>
      </c>
      <c r="C843" s="149"/>
      <c r="D843" s="149"/>
      <c r="E843" s="46"/>
      <c r="F843" s="107"/>
      <c r="G843" s="109"/>
      <c r="H843" s="110"/>
    </row>
    <row r="844" spans="1:8" s="23" customFormat="1" ht="24.95" customHeight="1" x14ac:dyDescent="0.25">
      <c r="A844" s="44" t="s">
        <v>48</v>
      </c>
      <c r="B844" s="42" t="s">
        <v>406</v>
      </c>
      <c r="C844" s="150"/>
      <c r="D844" s="150"/>
      <c r="E844" s="46"/>
      <c r="F844" s="111"/>
      <c r="G844" s="109"/>
      <c r="H844" s="110"/>
    </row>
    <row r="845" spans="1:8" s="23" customFormat="1" ht="24.95" customHeight="1" x14ac:dyDescent="0.25">
      <c r="A845" s="49" t="s">
        <v>185</v>
      </c>
      <c r="B845" s="100" t="s">
        <v>352</v>
      </c>
      <c r="C845" s="101"/>
      <c r="D845" s="101"/>
      <c r="E845" s="101"/>
      <c r="F845" s="101"/>
      <c r="G845" s="101"/>
      <c r="H845" s="102"/>
    </row>
    <row r="846" spans="1:8" s="23" customFormat="1" ht="24.95" customHeight="1" x14ac:dyDescent="0.25">
      <c r="A846" s="44" t="s">
        <v>11</v>
      </c>
      <c r="B846" s="42" t="s">
        <v>456</v>
      </c>
      <c r="C846" s="103" t="s">
        <v>753</v>
      </c>
      <c r="D846" s="103"/>
      <c r="E846" s="46"/>
      <c r="F846" s="106"/>
      <c r="G846" s="109"/>
      <c r="H846" s="110"/>
    </row>
    <row r="847" spans="1:8" s="23" customFormat="1" ht="24.95" customHeight="1" x14ac:dyDescent="0.25">
      <c r="A847" s="44" t="s">
        <v>44</v>
      </c>
      <c r="B847" s="42" t="s">
        <v>817</v>
      </c>
      <c r="C847" s="104"/>
      <c r="D847" s="104"/>
      <c r="E847" s="46"/>
      <c r="F847" s="107"/>
      <c r="G847" s="109"/>
      <c r="H847" s="110"/>
    </row>
    <row r="848" spans="1:8" s="23" customFormat="1" ht="24.95" customHeight="1" x14ac:dyDescent="0.25">
      <c r="A848" s="44" t="s">
        <v>45</v>
      </c>
      <c r="B848" s="42" t="s">
        <v>818</v>
      </c>
      <c r="C848" s="104"/>
      <c r="D848" s="104"/>
      <c r="E848" s="46"/>
      <c r="F848" s="107"/>
      <c r="G848" s="109"/>
      <c r="H848" s="110"/>
    </row>
    <row r="849" spans="1:8" s="23" customFormat="1" ht="24.95" customHeight="1" x14ac:dyDescent="0.25">
      <c r="A849" s="44" t="s">
        <v>46</v>
      </c>
      <c r="B849" s="42" t="s">
        <v>819</v>
      </c>
      <c r="C849" s="104"/>
      <c r="D849" s="104"/>
      <c r="E849" s="46"/>
      <c r="F849" s="107"/>
      <c r="G849" s="109"/>
      <c r="H849" s="110"/>
    </row>
    <row r="850" spans="1:8" s="23" customFormat="1" ht="24.95" customHeight="1" x14ac:dyDescent="0.25">
      <c r="A850" s="44" t="s">
        <v>47</v>
      </c>
      <c r="B850" s="42" t="s">
        <v>820</v>
      </c>
      <c r="C850" s="104"/>
      <c r="D850" s="104"/>
      <c r="E850" s="46"/>
      <c r="F850" s="107"/>
      <c r="G850" s="109"/>
      <c r="H850" s="110"/>
    </row>
    <row r="851" spans="1:8" s="23" customFormat="1" ht="24.95" customHeight="1" x14ac:dyDescent="0.25">
      <c r="A851" s="44" t="s">
        <v>48</v>
      </c>
      <c r="B851" s="42" t="s">
        <v>737</v>
      </c>
      <c r="C851" s="104"/>
      <c r="D851" s="104"/>
      <c r="E851" s="46"/>
      <c r="F851" s="107"/>
      <c r="G851" s="109"/>
      <c r="H851" s="110"/>
    </row>
    <row r="852" spans="1:8" s="23" customFormat="1" ht="24.95" customHeight="1" x14ac:dyDescent="0.25">
      <c r="A852" s="44" t="s">
        <v>49</v>
      </c>
      <c r="B852" s="42" t="s">
        <v>821</v>
      </c>
      <c r="C852" s="104"/>
      <c r="D852" s="104"/>
      <c r="E852" s="46"/>
      <c r="F852" s="107"/>
      <c r="G852" s="109"/>
      <c r="H852" s="110"/>
    </row>
    <row r="853" spans="1:8" s="23" customFormat="1" ht="24.95" customHeight="1" x14ac:dyDescent="0.25">
      <c r="A853" s="44" t="s">
        <v>50</v>
      </c>
      <c r="B853" s="42" t="s">
        <v>406</v>
      </c>
      <c r="C853" s="112"/>
      <c r="D853" s="112"/>
      <c r="E853" s="46"/>
      <c r="F853" s="111"/>
      <c r="G853" s="109"/>
      <c r="H853" s="110"/>
    </row>
    <row r="854" spans="1:8" s="23" customFormat="1" ht="24.95" customHeight="1" x14ac:dyDescent="0.25">
      <c r="A854" s="49" t="s">
        <v>186</v>
      </c>
      <c r="B854" s="100" t="s">
        <v>353</v>
      </c>
      <c r="C854" s="101"/>
      <c r="D854" s="101"/>
      <c r="E854" s="101"/>
      <c r="F854" s="101"/>
      <c r="G854" s="101"/>
      <c r="H854" s="102"/>
    </row>
    <row r="855" spans="1:8" s="23" customFormat="1" ht="24.95" customHeight="1" x14ac:dyDescent="0.25">
      <c r="A855" s="44" t="s">
        <v>11</v>
      </c>
      <c r="B855" s="42" t="s">
        <v>412</v>
      </c>
      <c r="C855" s="103" t="s">
        <v>753</v>
      </c>
      <c r="D855" s="103"/>
      <c r="E855" s="46"/>
      <c r="F855" s="106"/>
      <c r="G855" s="109"/>
      <c r="H855" s="110"/>
    </row>
    <row r="856" spans="1:8" s="23" customFormat="1" ht="24.95" customHeight="1" x14ac:dyDescent="0.25">
      <c r="A856" s="44" t="s">
        <v>44</v>
      </c>
      <c r="B856" s="42" t="s">
        <v>817</v>
      </c>
      <c r="C856" s="104"/>
      <c r="D856" s="104"/>
      <c r="E856" s="46"/>
      <c r="F856" s="107"/>
      <c r="G856" s="109"/>
      <c r="H856" s="110"/>
    </row>
    <row r="857" spans="1:8" s="23" customFormat="1" ht="24.95" customHeight="1" x14ac:dyDescent="0.25">
      <c r="A857" s="44" t="s">
        <v>45</v>
      </c>
      <c r="B857" s="42" t="s">
        <v>818</v>
      </c>
      <c r="C857" s="104"/>
      <c r="D857" s="104"/>
      <c r="E857" s="46"/>
      <c r="F857" s="107"/>
      <c r="G857" s="109"/>
      <c r="H857" s="110"/>
    </row>
    <row r="858" spans="1:8" s="23" customFormat="1" ht="24.95" customHeight="1" x14ac:dyDescent="0.25">
      <c r="A858" s="44" t="s">
        <v>46</v>
      </c>
      <c r="B858" s="42" t="s">
        <v>819</v>
      </c>
      <c r="C858" s="104"/>
      <c r="D858" s="104"/>
      <c r="E858" s="46"/>
      <c r="F858" s="107"/>
      <c r="G858" s="109"/>
      <c r="H858" s="110"/>
    </row>
    <row r="859" spans="1:8" s="23" customFormat="1" ht="24.95" customHeight="1" x14ac:dyDescent="0.25">
      <c r="A859" s="44" t="s">
        <v>47</v>
      </c>
      <c r="B859" s="42" t="s">
        <v>820</v>
      </c>
      <c r="C859" s="104"/>
      <c r="D859" s="104"/>
      <c r="E859" s="46"/>
      <c r="F859" s="107"/>
      <c r="G859" s="109"/>
      <c r="H859" s="110"/>
    </row>
    <row r="860" spans="1:8" s="23" customFormat="1" ht="24.95" customHeight="1" x14ac:dyDescent="0.25">
      <c r="A860" s="44" t="s">
        <v>48</v>
      </c>
      <c r="B860" s="42" t="s">
        <v>737</v>
      </c>
      <c r="C860" s="104"/>
      <c r="D860" s="104"/>
      <c r="E860" s="46"/>
      <c r="F860" s="107"/>
      <c r="G860" s="109"/>
      <c r="H860" s="110"/>
    </row>
    <row r="861" spans="1:8" s="23" customFormat="1" ht="24.95" customHeight="1" x14ac:dyDescent="0.25">
      <c r="A861" s="44" t="s">
        <v>49</v>
      </c>
      <c r="B861" s="42" t="s">
        <v>725</v>
      </c>
      <c r="C861" s="104"/>
      <c r="D861" s="104"/>
      <c r="E861" s="46"/>
      <c r="F861" s="107"/>
      <c r="G861" s="109"/>
      <c r="H861" s="110"/>
    </row>
    <row r="862" spans="1:8" s="23" customFormat="1" ht="24.95" customHeight="1" x14ac:dyDescent="0.25">
      <c r="A862" s="44" t="s">
        <v>50</v>
      </c>
      <c r="B862" s="42" t="s">
        <v>406</v>
      </c>
      <c r="C862" s="112"/>
      <c r="D862" s="112"/>
      <c r="E862" s="46"/>
      <c r="F862" s="111"/>
      <c r="G862" s="109"/>
      <c r="H862" s="110"/>
    </row>
    <row r="863" spans="1:8" s="23" customFormat="1" ht="24.95" customHeight="1" x14ac:dyDescent="0.25">
      <c r="A863" s="49" t="s">
        <v>187</v>
      </c>
      <c r="B863" s="100" t="s">
        <v>354</v>
      </c>
      <c r="C863" s="101"/>
      <c r="D863" s="101"/>
      <c r="E863" s="101"/>
      <c r="F863" s="101"/>
      <c r="G863" s="101"/>
      <c r="H863" s="102"/>
    </row>
    <row r="864" spans="1:8" s="23" customFormat="1" ht="24.95" customHeight="1" x14ac:dyDescent="0.25">
      <c r="A864" s="44" t="s">
        <v>11</v>
      </c>
      <c r="B864" s="42" t="s">
        <v>402</v>
      </c>
      <c r="C864" s="103" t="s">
        <v>753</v>
      </c>
      <c r="D864" s="103"/>
      <c r="E864" s="46"/>
      <c r="F864" s="106"/>
      <c r="G864" s="109"/>
      <c r="H864" s="110"/>
    </row>
    <row r="865" spans="1:8" s="23" customFormat="1" ht="24.95" customHeight="1" x14ac:dyDescent="0.25">
      <c r="A865" s="44" t="s">
        <v>44</v>
      </c>
      <c r="B865" s="42" t="s">
        <v>822</v>
      </c>
      <c r="C865" s="104"/>
      <c r="D865" s="104"/>
      <c r="E865" s="46"/>
      <c r="F865" s="107"/>
      <c r="G865" s="109"/>
      <c r="H865" s="110"/>
    </row>
    <row r="866" spans="1:8" s="23" customFormat="1" ht="24.95" customHeight="1" x14ac:dyDescent="0.25">
      <c r="A866" s="44" t="s">
        <v>45</v>
      </c>
      <c r="B866" s="42" t="s">
        <v>742</v>
      </c>
      <c r="C866" s="104"/>
      <c r="D866" s="104"/>
      <c r="E866" s="46"/>
      <c r="F866" s="107"/>
      <c r="G866" s="109"/>
      <c r="H866" s="110"/>
    </row>
    <row r="867" spans="1:8" s="23" customFormat="1" ht="24.95" customHeight="1" x14ac:dyDescent="0.25">
      <c r="A867" s="44" t="s">
        <v>46</v>
      </c>
      <c r="B867" s="42" t="s">
        <v>818</v>
      </c>
      <c r="C867" s="104"/>
      <c r="D867" s="104"/>
      <c r="E867" s="46"/>
      <c r="F867" s="107"/>
      <c r="G867" s="109"/>
      <c r="H867" s="110"/>
    </row>
    <row r="868" spans="1:8" s="23" customFormat="1" ht="24.95" customHeight="1" x14ac:dyDescent="0.25">
      <c r="A868" s="44" t="s">
        <v>47</v>
      </c>
      <c r="B868" s="42" t="s">
        <v>819</v>
      </c>
      <c r="C868" s="104"/>
      <c r="D868" s="104"/>
      <c r="E868" s="46"/>
      <c r="F868" s="107"/>
      <c r="G868" s="109"/>
      <c r="H868" s="110"/>
    </row>
    <row r="869" spans="1:8" s="23" customFormat="1" ht="24.95" customHeight="1" x14ac:dyDescent="0.25">
      <c r="A869" s="44" t="s">
        <v>48</v>
      </c>
      <c r="B869" s="42" t="s">
        <v>823</v>
      </c>
      <c r="C869" s="104"/>
      <c r="D869" s="104"/>
      <c r="E869" s="46"/>
      <c r="F869" s="107"/>
      <c r="G869" s="109"/>
      <c r="H869" s="110"/>
    </row>
    <row r="870" spans="1:8" s="23" customFormat="1" ht="24.95" customHeight="1" x14ac:dyDescent="0.25">
      <c r="A870" s="44" t="s">
        <v>53</v>
      </c>
      <c r="B870" s="42" t="s">
        <v>406</v>
      </c>
      <c r="C870" s="112"/>
      <c r="D870" s="112"/>
      <c r="E870" s="46"/>
      <c r="F870" s="111"/>
      <c r="G870" s="109"/>
      <c r="H870" s="110"/>
    </row>
    <row r="871" spans="1:8" s="23" customFormat="1" ht="24.95" customHeight="1" x14ac:dyDescent="0.25">
      <c r="A871" s="49" t="s">
        <v>188</v>
      </c>
      <c r="B871" s="100" t="s">
        <v>355</v>
      </c>
      <c r="C871" s="101"/>
      <c r="D871" s="101"/>
      <c r="E871" s="101"/>
      <c r="F871" s="101"/>
      <c r="G871" s="101"/>
      <c r="H871" s="102"/>
    </row>
    <row r="872" spans="1:8" s="23" customFormat="1" ht="24.95" customHeight="1" x14ac:dyDescent="0.25">
      <c r="A872" s="44" t="s">
        <v>11</v>
      </c>
      <c r="B872" s="42" t="s">
        <v>824</v>
      </c>
      <c r="C872" s="103" t="s">
        <v>753</v>
      </c>
      <c r="D872" s="103"/>
      <c r="E872" s="46"/>
      <c r="F872" s="106"/>
      <c r="G872" s="109"/>
      <c r="H872" s="110"/>
    </row>
    <row r="873" spans="1:8" s="23" customFormat="1" ht="24.95" customHeight="1" x14ac:dyDescent="0.25">
      <c r="A873" s="44" t="s">
        <v>44</v>
      </c>
      <c r="B873" s="42" t="s">
        <v>825</v>
      </c>
      <c r="C873" s="104"/>
      <c r="D873" s="104"/>
      <c r="E873" s="46"/>
      <c r="F873" s="107"/>
      <c r="G873" s="109"/>
      <c r="H873" s="110"/>
    </row>
    <row r="874" spans="1:8" s="23" customFormat="1" ht="24.95" customHeight="1" x14ac:dyDescent="0.25">
      <c r="A874" s="44" t="s">
        <v>45</v>
      </c>
      <c r="B874" s="42" t="s">
        <v>826</v>
      </c>
      <c r="C874" s="104"/>
      <c r="D874" s="104"/>
      <c r="E874" s="46"/>
      <c r="F874" s="107"/>
      <c r="G874" s="109"/>
      <c r="H874" s="110"/>
    </row>
    <row r="875" spans="1:8" s="23" customFormat="1" ht="24.95" customHeight="1" x14ac:dyDescent="0.25">
      <c r="A875" s="44" t="s">
        <v>46</v>
      </c>
      <c r="B875" s="42" t="s">
        <v>827</v>
      </c>
      <c r="C875" s="104"/>
      <c r="D875" s="104"/>
      <c r="E875" s="46"/>
      <c r="F875" s="107"/>
      <c r="G875" s="109"/>
      <c r="H875" s="110"/>
    </row>
    <row r="876" spans="1:8" s="23" customFormat="1" ht="24.95" customHeight="1" x14ac:dyDescent="0.25">
      <c r="A876" s="44" t="s">
        <v>47</v>
      </c>
      <c r="B876" s="42" t="s">
        <v>828</v>
      </c>
      <c r="C876" s="104"/>
      <c r="D876" s="104"/>
      <c r="E876" s="46"/>
      <c r="F876" s="107"/>
      <c r="G876" s="109"/>
      <c r="H876" s="110"/>
    </row>
    <row r="877" spans="1:8" s="23" customFormat="1" ht="24.95" customHeight="1" x14ac:dyDescent="0.25">
      <c r="A877" s="44" t="s">
        <v>48</v>
      </c>
      <c r="B877" s="42" t="s">
        <v>406</v>
      </c>
      <c r="C877" s="112"/>
      <c r="D877" s="112"/>
      <c r="E877" s="46"/>
      <c r="F877" s="111"/>
      <c r="G877" s="109"/>
      <c r="H877" s="110"/>
    </row>
    <row r="878" spans="1:8" s="23" customFormat="1" ht="24.95" customHeight="1" x14ac:dyDescent="0.25">
      <c r="A878" s="49" t="s">
        <v>189</v>
      </c>
      <c r="B878" s="100" t="s">
        <v>356</v>
      </c>
      <c r="C878" s="101"/>
      <c r="D878" s="101"/>
      <c r="E878" s="101"/>
      <c r="F878" s="101"/>
      <c r="G878" s="101"/>
      <c r="H878" s="102"/>
    </row>
    <row r="879" spans="1:8" s="23" customFormat="1" ht="24.95" customHeight="1" x14ac:dyDescent="0.25">
      <c r="A879" s="44" t="s">
        <v>11</v>
      </c>
      <c r="B879" s="42" t="s">
        <v>829</v>
      </c>
      <c r="C879" s="103" t="s">
        <v>753</v>
      </c>
      <c r="D879" s="103"/>
      <c r="E879" s="46"/>
      <c r="F879" s="106"/>
      <c r="G879" s="109"/>
      <c r="H879" s="110"/>
    </row>
    <row r="880" spans="1:8" s="23" customFormat="1" ht="24.95" customHeight="1" x14ac:dyDescent="0.25">
      <c r="A880" s="44" t="s">
        <v>44</v>
      </c>
      <c r="B880" s="42" t="s">
        <v>830</v>
      </c>
      <c r="C880" s="104"/>
      <c r="D880" s="104"/>
      <c r="E880" s="46"/>
      <c r="F880" s="107"/>
      <c r="G880" s="109"/>
      <c r="H880" s="110"/>
    </row>
    <row r="881" spans="1:8" s="23" customFormat="1" ht="24.95" customHeight="1" x14ac:dyDescent="0.25">
      <c r="A881" s="44" t="s">
        <v>45</v>
      </c>
      <c r="B881" s="42" t="s">
        <v>831</v>
      </c>
      <c r="C881" s="104"/>
      <c r="D881" s="104"/>
      <c r="E881" s="46"/>
      <c r="F881" s="107"/>
      <c r="G881" s="109"/>
      <c r="H881" s="110"/>
    </row>
    <row r="882" spans="1:8" s="23" customFormat="1" ht="24.95" customHeight="1" x14ac:dyDescent="0.25">
      <c r="A882" s="44" t="s">
        <v>46</v>
      </c>
      <c r="B882" s="42" t="s">
        <v>832</v>
      </c>
      <c r="C882" s="104"/>
      <c r="D882" s="104"/>
      <c r="E882" s="46"/>
      <c r="F882" s="107"/>
      <c r="G882" s="109"/>
      <c r="H882" s="110"/>
    </row>
    <row r="883" spans="1:8" s="23" customFormat="1" ht="24.95" customHeight="1" x14ac:dyDescent="0.25">
      <c r="A883" s="44" t="s">
        <v>47</v>
      </c>
      <c r="B883" s="42" t="s">
        <v>833</v>
      </c>
      <c r="C883" s="104"/>
      <c r="D883" s="104"/>
      <c r="E883" s="46"/>
      <c r="F883" s="107"/>
      <c r="G883" s="109"/>
      <c r="H883" s="110"/>
    </row>
    <row r="884" spans="1:8" s="23" customFormat="1" ht="24.95" customHeight="1" x14ac:dyDescent="0.25">
      <c r="A884" s="44" t="s">
        <v>48</v>
      </c>
      <c r="B884" s="42" t="s">
        <v>410</v>
      </c>
      <c r="C884" s="112"/>
      <c r="D884" s="112"/>
      <c r="E884" s="46"/>
      <c r="F884" s="111"/>
      <c r="G884" s="109"/>
      <c r="H884" s="110"/>
    </row>
    <row r="885" spans="1:8" s="23" customFormat="1" ht="24.95" customHeight="1" x14ac:dyDescent="0.25">
      <c r="A885" s="49" t="s">
        <v>190</v>
      </c>
      <c r="B885" s="100" t="s">
        <v>357</v>
      </c>
      <c r="C885" s="101"/>
      <c r="D885" s="101"/>
      <c r="E885" s="101"/>
      <c r="F885" s="101"/>
      <c r="G885" s="101"/>
      <c r="H885" s="102"/>
    </row>
    <row r="886" spans="1:8" s="23" customFormat="1" ht="24.95" customHeight="1" x14ac:dyDescent="0.25">
      <c r="A886" s="44" t="s">
        <v>11</v>
      </c>
      <c r="B886" s="42" t="s">
        <v>834</v>
      </c>
      <c r="C886" s="103" t="s">
        <v>753</v>
      </c>
      <c r="D886" s="103"/>
      <c r="E886" s="46"/>
      <c r="F886" s="106"/>
      <c r="G886" s="109"/>
      <c r="H886" s="110"/>
    </row>
    <row r="887" spans="1:8" s="23" customFormat="1" ht="24.95" customHeight="1" x14ac:dyDescent="0.25">
      <c r="A887" s="44" t="s">
        <v>44</v>
      </c>
      <c r="B887" s="42" t="s">
        <v>835</v>
      </c>
      <c r="C887" s="104"/>
      <c r="D887" s="104"/>
      <c r="E887" s="46"/>
      <c r="F887" s="107"/>
      <c r="G887" s="109"/>
      <c r="H887" s="110"/>
    </row>
    <row r="888" spans="1:8" s="23" customFormat="1" ht="24.95" customHeight="1" x14ac:dyDescent="0.25">
      <c r="A888" s="44" t="s">
        <v>45</v>
      </c>
      <c r="B888" s="42" t="s">
        <v>637</v>
      </c>
      <c r="C888" s="104"/>
      <c r="D888" s="104"/>
      <c r="E888" s="46"/>
      <c r="F888" s="107"/>
      <c r="G888" s="109"/>
      <c r="H888" s="110"/>
    </row>
    <row r="889" spans="1:8" s="23" customFormat="1" ht="24.95" customHeight="1" x14ac:dyDescent="0.25">
      <c r="A889" s="44" t="s">
        <v>46</v>
      </c>
      <c r="B889" s="42" t="s">
        <v>836</v>
      </c>
      <c r="C889" s="104"/>
      <c r="D889" s="104"/>
      <c r="E889" s="46"/>
      <c r="F889" s="107"/>
      <c r="G889" s="109"/>
      <c r="H889" s="110"/>
    </row>
    <row r="890" spans="1:8" s="23" customFormat="1" ht="24.95" customHeight="1" x14ac:dyDescent="0.25">
      <c r="A890" s="44" t="s">
        <v>47</v>
      </c>
      <c r="B890" s="42" t="s">
        <v>410</v>
      </c>
      <c r="C890" s="112"/>
      <c r="D890" s="112"/>
      <c r="E890" s="46"/>
      <c r="F890" s="111"/>
      <c r="G890" s="109"/>
      <c r="H890" s="110"/>
    </row>
    <row r="891" spans="1:8" s="23" customFormat="1" ht="24.95" customHeight="1" x14ac:dyDescent="0.25">
      <c r="A891" s="49" t="s">
        <v>191</v>
      </c>
      <c r="B891" s="100" t="s">
        <v>358</v>
      </c>
      <c r="C891" s="101"/>
      <c r="D891" s="101"/>
      <c r="E891" s="101"/>
      <c r="F891" s="101"/>
      <c r="G891" s="101"/>
      <c r="H891" s="102"/>
    </row>
    <row r="892" spans="1:8" s="23" customFormat="1" ht="24.95" customHeight="1" x14ac:dyDescent="0.25">
      <c r="A892" s="44" t="s">
        <v>11</v>
      </c>
      <c r="B892" s="42" t="s">
        <v>412</v>
      </c>
      <c r="C892" s="103" t="s">
        <v>753</v>
      </c>
      <c r="D892" s="103"/>
      <c r="E892" s="46"/>
      <c r="F892" s="106"/>
      <c r="G892" s="109"/>
      <c r="H892" s="110"/>
    </row>
    <row r="893" spans="1:8" s="23" customFormat="1" ht="24.95" customHeight="1" x14ac:dyDescent="0.25">
      <c r="A893" s="44" t="s">
        <v>44</v>
      </c>
      <c r="B893" s="42" t="s">
        <v>837</v>
      </c>
      <c r="C893" s="104"/>
      <c r="D893" s="104"/>
      <c r="E893" s="46"/>
      <c r="F893" s="107"/>
      <c r="G893" s="109"/>
      <c r="H893" s="110"/>
    </row>
    <row r="894" spans="1:8" s="23" customFormat="1" ht="24.95" customHeight="1" x14ac:dyDescent="0.25">
      <c r="A894" s="44" t="s">
        <v>45</v>
      </c>
      <c r="B894" s="42" t="s">
        <v>838</v>
      </c>
      <c r="C894" s="104"/>
      <c r="D894" s="104"/>
      <c r="E894" s="46"/>
      <c r="F894" s="107"/>
      <c r="G894" s="109"/>
      <c r="H894" s="110"/>
    </row>
    <row r="895" spans="1:8" s="23" customFormat="1" ht="24.95" customHeight="1" x14ac:dyDescent="0.25">
      <c r="A895" s="44" t="s">
        <v>46</v>
      </c>
      <c r="B895" s="42" t="s">
        <v>670</v>
      </c>
      <c r="C895" s="104"/>
      <c r="D895" s="104"/>
      <c r="E895" s="46"/>
      <c r="F895" s="107"/>
      <c r="G895" s="109"/>
      <c r="H895" s="110"/>
    </row>
    <row r="896" spans="1:8" s="23" customFormat="1" ht="24.95" customHeight="1" x14ac:dyDescent="0.25">
      <c r="A896" s="44" t="s">
        <v>47</v>
      </c>
      <c r="B896" s="42" t="s">
        <v>839</v>
      </c>
      <c r="C896" s="104"/>
      <c r="D896" s="104"/>
      <c r="E896" s="46"/>
      <c r="F896" s="107"/>
      <c r="G896" s="109"/>
      <c r="H896" s="110"/>
    </row>
    <row r="897" spans="1:8" s="23" customFormat="1" ht="24.95" customHeight="1" x14ac:dyDescent="0.25">
      <c r="A897" s="44" t="s">
        <v>48</v>
      </c>
      <c r="B897" s="42" t="s">
        <v>840</v>
      </c>
      <c r="C897" s="104"/>
      <c r="D897" s="104"/>
      <c r="E897" s="46"/>
      <c r="F897" s="107"/>
      <c r="G897" s="109"/>
      <c r="H897" s="110"/>
    </row>
    <row r="898" spans="1:8" s="23" customFormat="1" ht="24.95" customHeight="1" x14ac:dyDescent="0.25">
      <c r="A898" s="44" t="s">
        <v>49</v>
      </c>
      <c r="B898" s="42" t="s">
        <v>410</v>
      </c>
      <c r="C898" s="112"/>
      <c r="D898" s="112"/>
      <c r="E898" s="46"/>
      <c r="F898" s="111"/>
      <c r="G898" s="109"/>
      <c r="H898" s="110"/>
    </row>
    <row r="899" spans="1:8" s="23" customFormat="1" ht="24.95" customHeight="1" x14ac:dyDescent="0.25">
      <c r="A899" s="49" t="s">
        <v>192</v>
      </c>
      <c r="B899" s="100" t="s">
        <v>359</v>
      </c>
      <c r="C899" s="101"/>
      <c r="D899" s="101"/>
      <c r="E899" s="101"/>
      <c r="F899" s="101"/>
      <c r="G899" s="101"/>
      <c r="H899" s="102"/>
    </row>
    <row r="900" spans="1:8" s="23" customFormat="1" ht="24.95" customHeight="1" x14ac:dyDescent="0.25">
      <c r="A900" s="44" t="s">
        <v>11</v>
      </c>
      <c r="B900" s="42" t="s">
        <v>841</v>
      </c>
      <c r="C900" s="103" t="s">
        <v>844</v>
      </c>
      <c r="D900" s="103"/>
      <c r="E900" s="46"/>
      <c r="F900" s="106"/>
      <c r="G900" s="109"/>
      <c r="H900" s="110"/>
    </row>
    <row r="901" spans="1:8" s="23" customFormat="1" ht="24.95" customHeight="1" x14ac:dyDescent="0.25">
      <c r="A901" s="44" t="s">
        <v>44</v>
      </c>
      <c r="B901" s="42" t="s">
        <v>842</v>
      </c>
      <c r="C901" s="104"/>
      <c r="D901" s="104"/>
      <c r="E901" s="46"/>
      <c r="F901" s="107"/>
      <c r="G901" s="109"/>
      <c r="H901" s="110"/>
    </row>
    <row r="902" spans="1:8" s="23" customFormat="1" ht="24.95" customHeight="1" x14ac:dyDescent="0.25">
      <c r="A902" s="44" t="s">
        <v>45</v>
      </c>
      <c r="B902" s="42" t="s">
        <v>843</v>
      </c>
      <c r="C902" s="104"/>
      <c r="D902" s="104"/>
      <c r="E902" s="46"/>
      <c r="F902" s="107"/>
      <c r="G902" s="109"/>
      <c r="H902" s="110"/>
    </row>
    <row r="903" spans="1:8" s="23" customFormat="1" ht="24.95" customHeight="1" x14ac:dyDescent="0.25">
      <c r="A903" s="44" t="s">
        <v>46</v>
      </c>
      <c r="B903" s="42" t="s">
        <v>410</v>
      </c>
      <c r="C903" s="112"/>
      <c r="D903" s="112"/>
      <c r="E903" s="46"/>
      <c r="F903" s="111"/>
      <c r="G903" s="109"/>
      <c r="H903" s="110"/>
    </row>
    <row r="904" spans="1:8" s="23" customFormat="1" ht="24.95" customHeight="1" x14ac:dyDescent="0.25">
      <c r="A904" s="49" t="s">
        <v>193</v>
      </c>
      <c r="B904" s="100" t="s">
        <v>360</v>
      </c>
      <c r="C904" s="101"/>
      <c r="D904" s="101"/>
      <c r="E904" s="101"/>
      <c r="F904" s="101"/>
      <c r="G904" s="101"/>
      <c r="H904" s="102"/>
    </row>
    <row r="905" spans="1:8" s="23" customFormat="1" ht="24.95" customHeight="1" x14ac:dyDescent="0.25">
      <c r="A905" s="44" t="s">
        <v>11</v>
      </c>
      <c r="B905" s="42" t="s">
        <v>402</v>
      </c>
      <c r="C905" s="103" t="s">
        <v>753</v>
      </c>
      <c r="D905" s="103"/>
      <c r="E905" s="46"/>
      <c r="F905" s="106"/>
      <c r="G905" s="109"/>
      <c r="H905" s="110"/>
    </row>
    <row r="906" spans="1:8" s="23" customFormat="1" ht="24.95" customHeight="1" x14ac:dyDescent="0.25">
      <c r="A906" s="44" t="s">
        <v>44</v>
      </c>
      <c r="B906" s="42" t="s">
        <v>845</v>
      </c>
      <c r="C906" s="104"/>
      <c r="D906" s="104"/>
      <c r="E906" s="46"/>
      <c r="F906" s="107"/>
      <c r="G906" s="109"/>
      <c r="H906" s="110"/>
    </row>
    <row r="907" spans="1:8" s="23" customFormat="1" ht="24.95" customHeight="1" x14ac:dyDescent="0.25">
      <c r="A907" s="44" t="s">
        <v>45</v>
      </c>
      <c r="B907" s="42" t="s">
        <v>846</v>
      </c>
      <c r="C907" s="104"/>
      <c r="D907" s="104"/>
      <c r="E907" s="46"/>
      <c r="F907" s="107"/>
      <c r="G907" s="109"/>
      <c r="H907" s="110"/>
    </row>
    <row r="908" spans="1:8" s="23" customFormat="1" ht="24.95" customHeight="1" x14ac:dyDescent="0.25">
      <c r="A908" s="44" t="s">
        <v>46</v>
      </c>
      <c r="B908" s="42" t="s">
        <v>847</v>
      </c>
      <c r="C908" s="104"/>
      <c r="D908" s="104"/>
      <c r="E908" s="46"/>
      <c r="F908" s="107"/>
      <c r="G908" s="109"/>
      <c r="H908" s="110"/>
    </row>
    <row r="909" spans="1:8" s="23" customFormat="1" ht="24.95" customHeight="1" x14ac:dyDescent="0.25">
      <c r="A909" s="44" t="s">
        <v>47</v>
      </c>
      <c r="B909" s="42" t="s">
        <v>848</v>
      </c>
      <c r="C909" s="104"/>
      <c r="D909" s="104"/>
      <c r="E909" s="46"/>
      <c r="F909" s="107"/>
      <c r="G909" s="109"/>
      <c r="H909" s="110"/>
    </row>
    <row r="910" spans="1:8" s="23" customFormat="1" ht="24.95" customHeight="1" x14ac:dyDescent="0.25">
      <c r="A910" s="44" t="s">
        <v>48</v>
      </c>
      <c r="B910" s="42" t="s">
        <v>406</v>
      </c>
      <c r="C910" s="112"/>
      <c r="D910" s="112"/>
      <c r="E910" s="46"/>
      <c r="F910" s="111"/>
      <c r="G910" s="109"/>
      <c r="H910" s="110"/>
    </row>
    <row r="911" spans="1:8" s="23" customFormat="1" ht="24.95" customHeight="1" x14ac:dyDescent="0.25">
      <c r="A911" s="49" t="s">
        <v>194</v>
      </c>
      <c r="B911" s="100" t="s">
        <v>361</v>
      </c>
      <c r="C911" s="101"/>
      <c r="D911" s="101"/>
      <c r="E911" s="101"/>
      <c r="F911" s="101"/>
      <c r="G911" s="101"/>
      <c r="H911" s="102"/>
    </row>
    <row r="912" spans="1:8" s="23" customFormat="1" ht="24.95" customHeight="1" x14ac:dyDescent="0.25">
      <c r="A912" s="44" t="s">
        <v>11</v>
      </c>
      <c r="B912" s="42" t="s">
        <v>849</v>
      </c>
      <c r="C912" s="103" t="s">
        <v>852</v>
      </c>
      <c r="D912" s="103"/>
      <c r="E912" s="46"/>
      <c r="F912" s="106"/>
      <c r="G912" s="109"/>
      <c r="H912" s="110"/>
    </row>
    <row r="913" spans="1:8" s="23" customFormat="1" ht="24.95" customHeight="1" x14ac:dyDescent="0.25">
      <c r="A913" s="44" t="s">
        <v>44</v>
      </c>
      <c r="B913" s="42" t="s">
        <v>850</v>
      </c>
      <c r="C913" s="104"/>
      <c r="D913" s="104"/>
      <c r="E913" s="46"/>
      <c r="F913" s="107"/>
      <c r="G913" s="109"/>
      <c r="H913" s="110"/>
    </row>
    <row r="914" spans="1:8" s="23" customFormat="1" ht="24.95" customHeight="1" x14ac:dyDescent="0.25">
      <c r="A914" s="44" t="s">
        <v>45</v>
      </c>
      <c r="B914" s="42" t="s">
        <v>851</v>
      </c>
      <c r="C914" s="104"/>
      <c r="D914" s="104"/>
      <c r="E914" s="46"/>
      <c r="F914" s="107"/>
      <c r="G914" s="109"/>
      <c r="H914" s="110"/>
    </row>
    <row r="915" spans="1:8" s="23" customFormat="1" ht="24.95" customHeight="1" x14ac:dyDescent="0.25">
      <c r="A915" s="44" t="s">
        <v>46</v>
      </c>
      <c r="B915" s="42" t="s">
        <v>416</v>
      </c>
      <c r="C915" s="104"/>
      <c r="D915" s="104"/>
      <c r="E915" s="46"/>
      <c r="F915" s="107"/>
      <c r="G915" s="109"/>
      <c r="H915" s="110"/>
    </row>
    <row r="916" spans="1:8" s="23" customFormat="1" ht="24.95" customHeight="1" x14ac:dyDescent="0.25">
      <c r="A916" s="44" t="s">
        <v>47</v>
      </c>
      <c r="B916" s="42" t="s">
        <v>406</v>
      </c>
      <c r="C916" s="104"/>
      <c r="D916" s="104"/>
      <c r="E916" s="46"/>
      <c r="F916" s="107"/>
      <c r="G916" s="109"/>
      <c r="H916" s="110"/>
    </row>
    <row r="917" spans="1:8" s="23" customFormat="1" ht="24.95" customHeight="1" x14ac:dyDescent="0.25">
      <c r="A917" s="49" t="s">
        <v>195</v>
      </c>
      <c r="B917" s="100" t="s">
        <v>362</v>
      </c>
      <c r="C917" s="101"/>
      <c r="D917" s="101"/>
      <c r="E917" s="101"/>
      <c r="F917" s="101"/>
      <c r="G917" s="101"/>
      <c r="H917" s="102"/>
    </row>
    <row r="918" spans="1:8" s="23" customFormat="1" ht="24.95" customHeight="1" x14ac:dyDescent="0.25">
      <c r="A918" s="44" t="s">
        <v>11</v>
      </c>
      <c r="B918" s="42" t="s">
        <v>853</v>
      </c>
      <c r="C918" s="103" t="s">
        <v>753</v>
      </c>
      <c r="D918" s="103"/>
      <c r="E918" s="46"/>
      <c r="F918" s="106"/>
      <c r="G918" s="109"/>
      <c r="H918" s="110"/>
    </row>
    <row r="919" spans="1:8" s="23" customFormat="1" ht="24.95" customHeight="1" x14ac:dyDescent="0.25">
      <c r="A919" s="44" t="s">
        <v>44</v>
      </c>
      <c r="B919" s="42" t="s">
        <v>854</v>
      </c>
      <c r="C919" s="104"/>
      <c r="D919" s="104"/>
      <c r="E919" s="46"/>
      <c r="F919" s="107"/>
      <c r="G919" s="109"/>
      <c r="H919" s="110"/>
    </row>
    <row r="920" spans="1:8" s="23" customFormat="1" ht="24.95" customHeight="1" x14ac:dyDescent="0.25">
      <c r="A920" s="44" t="s">
        <v>45</v>
      </c>
      <c r="B920" s="42" t="s">
        <v>855</v>
      </c>
      <c r="C920" s="104"/>
      <c r="D920" s="104"/>
      <c r="E920" s="46"/>
      <c r="F920" s="107"/>
      <c r="G920" s="109"/>
      <c r="H920" s="110"/>
    </row>
    <row r="921" spans="1:8" s="23" customFormat="1" ht="24.95" customHeight="1" x14ac:dyDescent="0.25">
      <c r="A921" s="44" t="s">
        <v>46</v>
      </c>
      <c r="B921" s="42" t="s">
        <v>856</v>
      </c>
      <c r="C921" s="104"/>
      <c r="D921" s="104"/>
      <c r="E921" s="46"/>
      <c r="F921" s="107"/>
      <c r="G921" s="109"/>
      <c r="H921" s="110"/>
    </row>
    <row r="922" spans="1:8" s="23" customFormat="1" ht="24.95" customHeight="1" x14ac:dyDescent="0.25">
      <c r="A922" s="44" t="s">
        <v>47</v>
      </c>
      <c r="B922" s="42" t="s">
        <v>857</v>
      </c>
      <c r="C922" s="104"/>
      <c r="D922" s="104"/>
      <c r="E922" s="46"/>
      <c r="F922" s="107"/>
      <c r="G922" s="109"/>
      <c r="H922" s="110"/>
    </row>
    <row r="923" spans="1:8" s="23" customFormat="1" ht="24.95" customHeight="1" x14ac:dyDescent="0.25">
      <c r="A923" s="44" t="s">
        <v>48</v>
      </c>
      <c r="B923" s="42" t="s">
        <v>406</v>
      </c>
      <c r="C923" s="104"/>
      <c r="D923" s="104"/>
      <c r="E923" s="46"/>
      <c r="F923" s="107"/>
      <c r="G923" s="109"/>
      <c r="H923" s="110"/>
    </row>
    <row r="924" spans="1:8" s="23" customFormat="1" ht="24.95" customHeight="1" x14ac:dyDescent="0.25">
      <c r="A924" s="49" t="s">
        <v>196</v>
      </c>
      <c r="B924" s="100" t="s">
        <v>363</v>
      </c>
      <c r="C924" s="101"/>
      <c r="D924" s="101"/>
      <c r="E924" s="101"/>
      <c r="F924" s="101"/>
      <c r="G924" s="101"/>
      <c r="H924" s="102"/>
    </row>
    <row r="925" spans="1:8" s="23" customFormat="1" ht="24.95" customHeight="1" x14ac:dyDescent="0.25">
      <c r="A925" s="44" t="s">
        <v>11</v>
      </c>
      <c r="B925" s="42" t="s">
        <v>858</v>
      </c>
      <c r="C925" s="103" t="s">
        <v>753</v>
      </c>
      <c r="D925" s="103"/>
      <c r="E925" s="46"/>
      <c r="F925" s="106"/>
      <c r="G925" s="109"/>
      <c r="H925" s="110"/>
    </row>
    <row r="926" spans="1:8" s="23" customFormat="1" ht="24.95" customHeight="1" x14ac:dyDescent="0.25">
      <c r="A926" s="44" t="s">
        <v>44</v>
      </c>
      <c r="B926" s="42" t="s">
        <v>859</v>
      </c>
      <c r="C926" s="104"/>
      <c r="D926" s="104"/>
      <c r="E926" s="46"/>
      <c r="F926" s="107"/>
      <c r="G926" s="109"/>
      <c r="H926" s="110"/>
    </row>
    <row r="927" spans="1:8" s="23" customFormat="1" ht="24.95" customHeight="1" x14ac:dyDescent="0.25">
      <c r="A927" s="44" t="s">
        <v>45</v>
      </c>
      <c r="B927" s="42" t="s">
        <v>860</v>
      </c>
      <c r="C927" s="104"/>
      <c r="D927" s="104"/>
      <c r="E927" s="46"/>
      <c r="F927" s="107"/>
      <c r="G927" s="109"/>
      <c r="H927" s="110"/>
    </row>
    <row r="928" spans="1:8" s="23" customFormat="1" ht="24.95" customHeight="1" x14ac:dyDescent="0.25">
      <c r="A928" s="44" t="s">
        <v>46</v>
      </c>
      <c r="B928" s="42" t="s">
        <v>861</v>
      </c>
      <c r="C928" s="104"/>
      <c r="D928" s="104"/>
      <c r="E928" s="46"/>
      <c r="F928" s="107"/>
      <c r="G928" s="109"/>
      <c r="H928" s="110"/>
    </row>
    <row r="929" spans="1:8" s="23" customFormat="1" ht="24.95" customHeight="1" x14ac:dyDescent="0.25">
      <c r="A929" s="44" t="s">
        <v>47</v>
      </c>
      <c r="B929" s="42" t="s">
        <v>862</v>
      </c>
      <c r="C929" s="104"/>
      <c r="D929" s="104"/>
      <c r="E929" s="46"/>
      <c r="F929" s="107"/>
      <c r="G929" s="109"/>
      <c r="H929" s="110"/>
    </row>
    <row r="930" spans="1:8" s="23" customFormat="1" ht="24.95" customHeight="1" x14ac:dyDescent="0.25">
      <c r="A930" s="44" t="s">
        <v>48</v>
      </c>
      <c r="B930" s="42" t="s">
        <v>416</v>
      </c>
      <c r="C930" s="104"/>
      <c r="D930" s="104"/>
      <c r="E930" s="46"/>
      <c r="F930" s="107"/>
      <c r="G930" s="109"/>
      <c r="H930" s="110"/>
    </row>
    <row r="931" spans="1:8" s="23" customFormat="1" ht="24.95" customHeight="1" x14ac:dyDescent="0.25">
      <c r="A931" s="44" t="s">
        <v>49</v>
      </c>
      <c r="B931" s="42" t="s">
        <v>406</v>
      </c>
      <c r="C931" s="104"/>
      <c r="D931" s="104"/>
      <c r="E931" s="46"/>
      <c r="F931" s="107"/>
      <c r="G931" s="109"/>
      <c r="H931" s="110"/>
    </row>
    <row r="932" spans="1:8" s="23" customFormat="1" ht="24.95" customHeight="1" x14ac:dyDescent="0.25">
      <c r="A932" s="49" t="s">
        <v>197</v>
      </c>
      <c r="B932" s="100" t="s">
        <v>364</v>
      </c>
      <c r="C932" s="101"/>
      <c r="D932" s="101"/>
      <c r="E932" s="101"/>
      <c r="F932" s="101"/>
      <c r="G932" s="101"/>
      <c r="H932" s="102"/>
    </row>
    <row r="933" spans="1:8" s="23" customFormat="1" ht="24.95" customHeight="1" x14ac:dyDescent="0.25">
      <c r="A933" s="44" t="s">
        <v>11</v>
      </c>
      <c r="B933" s="42" t="s">
        <v>402</v>
      </c>
      <c r="C933" s="103" t="s">
        <v>869</v>
      </c>
      <c r="D933" s="103"/>
      <c r="E933" s="46"/>
      <c r="F933" s="106"/>
      <c r="G933" s="109"/>
      <c r="H933" s="110"/>
    </row>
    <row r="934" spans="1:8" s="23" customFormat="1" ht="24.95" customHeight="1" x14ac:dyDescent="0.25">
      <c r="A934" s="44" t="s">
        <v>44</v>
      </c>
      <c r="B934" s="42" t="s">
        <v>863</v>
      </c>
      <c r="C934" s="104"/>
      <c r="D934" s="104"/>
      <c r="E934" s="46"/>
      <c r="F934" s="107"/>
      <c r="G934" s="109"/>
      <c r="H934" s="110"/>
    </row>
    <row r="935" spans="1:8" s="23" customFormat="1" ht="24.95" customHeight="1" x14ac:dyDescent="0.25">
      <c r="A935" s="44" t="s">
        <v>45</v>
      </c>
      <c r="B935" s="42" t="s">
        <v>838</v>
      </c>
      <c r="C935" s="104"/>
      <c r="D935" s="104"/>
      <c r="E935" s="46"/>
      <c r="F935" s="107"/>
      <c r="G935" s="109"/>
      <c r="H935" s="110"/>
    </row>
    <row r="936" spans="1:8" s="23" customFormat="1" ht="24.95" customHeight="1" x14ac:dyDescent="0.25">
      <c r="A936" s="44" t="s">
        <v>46</v>
      </c>
      <c r="B936" s="42" t="s">
        <v>864</v>
      </c>
      <c r="C936" s="104"/>
      <c r="D936" s="104"/>
      <c r="E936" s="46"/>
      <c r="F936" s="107"/>
      <c r="G936" s="109"/>
      <c r="H936" s="110"/>
    </row>
    <row r="937" spans="1:8" s="23" customFormat="1" ht="24.95" customHeight="1" x14ac:dyDescent="0.25">
      <c r="A937" s="44" t="s">
        <v>47</v>
      </c>
      <c r="B937" s="42" t="s">
        <v>865</v>
      </c>
      <c r="C937" s="104"/>
      <c r="D937" s="104"/>
      <c r="E937" s="46"/>
      <c r="F937" s="107"/>
      <c r="G937" s="109"/>
      <c r="H937" s="110"/>
    </row>
    <row r="938" spans="1:8" s="23" customFormat="1" ht="24.95" customHeight="1" x14ac:dyDescent="0.25">
      <c r="A938" s="44" t="s">
        <v>48</v>
      </c>
      <c r="B938" s="42" t="s">
        <v>866</v>
      </c>
      <c r="C938" s="104"/>
      <c r="D938" s="104"/>
      <c r="E938" s="46"/>
      <c r="F938" s="107"/>
      <c r="G938" s="109"/>
      <c r="H938" s="110"/>
    </row>
    <row r="939" spans="1:8" s="23" customFormat="1" ht="24.95" customHeight="1" x14ac:dyDescent="0.25">
      <c r="A939" s="44" t="s">
        <v>49</v>
      </c>
      <c r="B939" s="42" t="s">
        <v>867</v>
      </c>
      <c r="C939" s="104"/>
      <c r="D939" s="104"/>
      <c r="E939" s="46"/>
      <c r="F939" s="107"/>
      <c r="G939" s="109"/>
      <c r="H939" s="110"/>
    </row>
    <row r="940" spans="1:8" s="23" customFormat="1" ht="24.95" customHeight="1" x14ac:dyDescent="0.25">
      <c r="A940" s="44" t="s">
        <v>50</v>
      </c>
      <c r="B940" s="42" t="s">
        <v>868</v>
      </c>
      <c r="C940" s="104"/>
      <c r="D940" s="104"/>
      <c r="E940" s="46"/>
      <c r="F940" s="107"/>
      <c r="G940" s="109"/>
      <c r="H940" s="110"/>
    </row>
    <row r="941" spans="1:8" s="23" customFormat="1" ht="24.95" customHeight="1" x14ac:dyDescent="0.25">
      <c r="A941" s="44" t="s">
        <v>51</v>
      </c>
      <c r="B941" s="42" t="s">
        <v>410</v>
      </c>
      <c r="C941" s="104"/>
      <c r="D941" s="104"/>
      <c r="E941" s="46"/>
      <c r="F941" s="107"/>
      <c r="G941" s="109"/>
      <c r="H941" s="110"/>
    </row>
    <row r="942" spans="1:8" s="23" customFormat="1" ht="24.95" customHeight="1" x14ac:dyDescent="0.25">
      <c r="A942" s="49" t="s">
        <v>198</v>
      </c>
      <c r="B942" s="100" t="s">
        <v>365</v>
      </c>
      <c r="C942" s="101"/>
      <c r="D942" s="101"/>
      <c r="E942" s="101"/>
      <c r="F942" s="101"/>
      <c r="G942" s="101"/>
      <c r="H942" s="102"/>
    </row>
    <row r="943" spans="1:8" s="23" customFormat="1" ht="24.95" customHeight="1" x14ac:dyDescent="0.25">
      <c r="A943" s="44" t="s">
        <v>11</v>
      </c>
      <c r="B943" s="42" t="s">
        <v>402</v>
      </c>
      <c r="C943" s="103" t="s">
        <v>873</v>
      </c>
      <c r="D943" s="103"/>
      <c r="E943" s="46"/>
      <c r="F943" s="106"/>
      <c r="G943" s="109"/>
      <c r="H943" s="110"/>
    </row>
    <row r="944" spans="1:8" s="23" customFormat="1" ht="24.95" customHeight="1" x14ac:dyDescent="0.25">
      <c r="A944" s="44" t="s">
        <v>44</v>
      </c>
      <c r="B944" s="42" t="s">
        <v>870</v>
      </c>
      <c r="C944" s="104"/>
      <c r="D944" s="104"/>
      <c r="E944" s="46"/>
      <c r="F944" s="107"/>
      <c r="G944" s="109"/>
      <c r="H944" s="110"/>
    </row>
    <row r="945" spans="1:8" s="23" customFormat="1" ht="24.95" customHeight="1" x14ac:dyDescent="0.25">
      <c r="A945" s="44" t="s">
        <v>45</v>
      </c>
      <c r="B945" s="42" t="s">
        <v>838</v>
      </c>
      <c r="C945" s="104"/>
      <c r="D945" s="104"/>
      <c r="E945" s="46"/>
      <c r="F945" s="107"/>
      <c r="G945" s="109"/>
      <c r="H945" s="110"/>
    </row>
    <row r="946" spans="1:8" s="23" customFormat="1" ht="24.95" customHeight="1" x14ac:dyDescent="0.25">
      <c r="A946" s="44" t="s">
        <v>46</v>
      </c>
      <c r="B946" s="42" t="s">
        <v>865</v>
      </c>
      <c r="C946" s="104"/>
      <c r="D946" s="104"/>
      <c r="E946" s="46"/>
      <c r="F946" s="107"/>
      <c r="G946" s="109"/>
      <c r="H946" s="110"/>
    </row>
    <row r="947" spans="1:8" s="23" customFormat="1" ht="24.95" customHeight="1" x14ac:dyDescent="0.25">
      <c r="A947" s="44" t="s">
        <v>47</v>
      </c>
      <c r="B947" s="42" t="s">
        <v>871</v>
      </c>
      <c r="C947" s="104"/>
      <c r="D947" s="104"/>
      <c r="E947" s="46"/>
      <c r="F947" s="107"/>
      <c r="G947" s="109"/>
      <c r="H947" s="110"/>
    </row>
    <row r="948" spans="1:8" s="23" customFormat="1" ht="24.95" customHeight="1" x14ac:dyDescent="0.25">
      <c r="A948" s="44" t="s">
        <v>48</v>
      </c>
      <c r="B948" s="42" t="s">
        <v>867</v>
      </c>
      <c r="C948" s="104"/>
      <c r="D948" s="104"/>
      <c r="E948" s="46"/>
      <c r="F948" s="107"/>
      <c r="G948" s="109"/>
      <c r="H948" s="110"/>
    </row>
    <row r="949" spans="1:8" s="23" customFormat="1" ht="24.95" customHeight="1" x14ac:dyDescent="0.25">
      <c r="A949" s="44" t="s">
        <v>49</v>
      </c>
      <c r="B949" s="42" t="s">
        <v>872</v>
      </c>
      <c r="C949" s="104"/>
      <c r="D949" s="104"/>
      <c r="E949" s="46"/>
      <c r="F949" s="107"/>
      <c r="G949" s="109"/>
      <c r="H949" s="110"/>
    </row>
    <row r="950" spans="1:8" s="23" customFormat="1" ht="24.95" customHeight="1" x14ac:dyDescent="0.25">
      <c r="A950" s="44" t="s">
        <v>50</v>
      </c>
      <c r="B950" s="42" t="s">
        <v>410</v>
      </c>
      <c r="C950" s="104"/>
      <c r="D950" s="104"/>
      <c r="E950" s="46"/>
      <c r="F950" s="107"/>
      <c r="G950" s="109"/>
      <c r="H950" s="110"/>
    </row>
    <row r="951" spans="1:8" s="23" customFormat="1" ht="24.95" customHeight="1" x14ac:dyDescent="0.25">
      <c r="A951" s="49" t="s">
        <v>199</v>
      </c>
      <c r="B951" s="100" t="s">
        <v>366</v>
      </c>
      <c r="C951" s="101"/>
      <c r="D951" s="101"/>
      <c r="E951" s="101"/>
      <c r="F951" s="101"/>
      <c r="G951" s="101"/>
      <c r="H951" s="102"/>
    </row>
    <row r="952" spans="1:8" s="23" customFormat="1" ht="24.95" customHeight="1" x14ac:dyDescent="0.25">
      <c r="A952" s="44" t="s">
        <v>11</v>
      </c>
      <c r="B952" s="42" t="s">
        <v>874</v>
      </c>
      <c r="C952" s="103" t="s">
        <v>753</v>
      </c>
      <c r="D952" s="103"/>
      <c r="E952" s="46"/>
      <c r="F952" s="106"/>
      <c r="G952" s="109"/>
      <c r="H952" s="110"/>
    </row>
    <row r="953" spans="1:8" s="23" customFormat="1" ht="24.95" customHeight="1" x14ac:dyDescent="0.25">
      <c r="A953" s="44" t="s">
        <v>44</v>
      </c>
      <c r="B953" s="42" t="s">
        <v>875</v>
      </c>
      <c r="C953" s="104"/>
      <c r="D953" s="104"/>
      <c r="E953" s="46"/>
      <c r="F953" s="107"/>
      <c r="G953" s="109"/>
      <c r="H953" s="110"/>
    </row>
    <row r="954" spans="1:8" s="23" customFormat="1" ht="24.95" customHeight="1" x14ac:dyDescent="0.25">
      <c r="A954" s="44" t="s">
        <v>45</v>
      </c>
      <c r="B954" s="42" t="s">
        <v>876</v>
      </c>
      <c r="C954" s="104"/>
      <c r="D954" s="104"/>
      <c r="E954" s="46"/>
      <c r="F954" s="107"/>
      <c r="G954" s="109"/>
      <c r="H954" s="110"/>
    </row>
    <row r="955" spans="1:8" s="23" customFormat="1" ht="24.95" customHeight="1" x14ac:dyDescent="0.25">
      <c r="A955" s="44" t="s">
        <v>46</v>
      </c>
      <c r="B955" s="42" t="s">
        <v>877</v>
      </c>
      <c r="C955" s="104"/>
      <c r="D955" s="104"/>
      <c r="E955" s="46"/>
      <c r="F955" s="107"/>
      <c r="G955" s="109"/>
      <c r="H955" s="110"/>
    </row>
    <row r="956" spans="1:8" s="23" customFormat="1" ht="24.95" customHeight="1" x14ac:dyDescent="0.25">
      <c r="A956" s="44" t="s">
        <v>47</v>
      </c>
      <c r="B956" s="42" t="s">
        <v>410</v>
      </c>
      <c r="C956" s="104"/>
      <c r="D956" s="104"/>
      <c r="E956" s="46"/>
      <c r="F956" s="107"/>
      <c r="G956" s="109"/>
      <c r="H956" s="110"/>
    </row>
    <row r="957" spans="1:8" s="23" customFormat="1" ht="24.95" customHeight="1" x14ac:dyDescent="0.25">
      <c r="A957" s="49" t="s">
        <v>200</v>
      </c>
      <c r="B957" s="100" t="s">
        <v>367</v>
      </c>
      <c r="C957" s="101"/>
      <c r="D957" s="101"/>
      <c r="E957" s="101"/>
      <c r="F957" s="101"/>
      <c r="G957" s="101"/>
      <c r="H957" s="102"/>
    </row>
    <row r="958" spans="1:8" s="23" customFormat="1" ht="24.95" customHeight="1" x14ac:dyDescent="0.25">
      <c r="A958" s="44" t="s">
        <v>11</v>
      </c>
      <c r="B958" s="42" t="s">
        <v>402</v>
      </c>
      <c r="C958" s="103" t="s">
        <v>883</v>
      </c>
      <c r="D958" s="103"/>
      <c r="E958" s="46"/>
      <c r="F958" s="106"/>
      <c r="G958" s="109"/>
      <c r="H958" s="110"/>
    </row>
    <row r="959" spans="1:8" s="23" customFormat="1" ht="24.95" customHeight="1" x14ac:dyDescent="0.25">
      <c r="A959" s="44" t="s">
        <v>44</v>
      </c>
      <c r="B959" s="42" t="s">
        <v>878</v>
      </c>
      <c r="C959" s="104"/>
      <c r="D959" s="104"/>
      <c r="E959" s="46"/>
      <c r="F959" s="107"/>
      <c r="G959" s="109"/>
      <c r="H959" s="110"/>
    </row>
    <row r="960" spans="1:8" s="23" customFormat="1" ht="24.95" customHeight="1" x14ac:dyDescent="0.25">
      <c r="A960" s="44" t="s">
        <v>45</v>
      </c>
      <c r="B960" s="42" t="s">
        <v>879</v>
      </c>
      <c r="C960" s="104"/>
      <c r="D960" s="104"/>
      <c r="E960" s="46"/>
      <c r="F960" s="107"/>
      <c r="G960" s="109"/>
      <c r="H960" s="110"/>
    </row>
    <row r="961" spans="1:8" s="23" customFormat="1" ht="24.95" customHeight="1" x14ac:dyDescent="0.25">
      <c r="A961" s="44" t="s">
        <v>46</v>
      </c>
      <c r="B961" s="42" t="s">
        <v>880</v>
      </c>
      <c r="C961" s="104"/>
      <c r="D961" s="104"/>
      <c r="E961" s="46"/>
      <c r="F961" s="107"/>
      <c r="G961" s="109"/>
      <c r="H961" s="110"/>
    </row>
    <row r="962" spans="1:8" s="23" customFormat="1" ht="24.95" customHeight="1" x14ac:dyDescent="0.25">
      <c r="A962" s="44" t="s">
        <v>47</v>
      </c>
      <c r="B962" s="42" t="s">
        <v>881</v>
      </c>
      <c r="C962" s="104"/>
      <c r="D962" s="104"/>
      <c r="E962" s="46"/>
      <c r="F962" s="107"/>
      <c r="G962" s="109"/>
      <c r="H962" s="110"/>
    </row>
    <row r="963" spans="1:8" s="23" customFormat="1" ht="24.95" customHeight="1" x14ac:dyDescent="0.25">
      <c r="A963" s="44" t="s">
        <v>48</v>
      </c>
      <c r="B963" s="42" t="s">
        <v>867</v>
      </c>
      <c r="C963" s="104"/>
      <c r="D963" s="104"/>
      <c r="E963" s="46"/>
      <c r="F963" s="107"/>
      <c r="G963" s="109"/>
      <c r="H963" s="110"/>
    </row>
    <row r="964" spans="1:8" s="23" customFormat="1" ht="24.95" customHeight="1" x14ac:dyDescent="0.25">
      <c r="A964" s="44" t="s">
        <v>49</v>
      </c>
      <c r="B964" s="42" t="s">
        <v>491</v>
      </c>
      <c r="C964" s="104"/>
      <c r="D964" s="104"/>
      <c r="E964" s="46"/>
      <c r="F964" s="107"/>
      <c r="G964" s="109"/>
      <c r="H964" s="110"/>
    </row>
    <row r="965" spans="1:8" s="23" customFormat="1" ht="24.95" customHeight="1" x14ac:dyDescent="0.25">
      <c r="A965" s="44" t="s">
        <v>50</v>
      </c>
      <c r="B965" s="42" t="s">
        <v>882</v>
      </c>
      <c r="C965" s="104"/>
      <c r="D965" s="104"/>
      <c r="E965" s="46"/>
      <c r="F965" s="107"/>
      <c r="G965" s="109"/>
      <c r="H965" s="110"/>
    </row>
    <row r="966" spans="1:8" s="23" customFormat="1" ht="24.95" customHeight="1" x14ac:dyDescent="0.25">
      <c r="A966" s="44" t="s">
        <v>51</v>
      </c>
      <c r="B966" s="42" t="s">
        <v>410</v>
      </c>
      <c r="C966" s="104"/>
      <c r="D966" s="104"/>
      <c r="E966" s="46"/>
      <c r="F966" s="107"/>
      <c r="G966" s="109"/>
      <c r="H966" s="110"/>
    </row>
    <row r="967" spans="1:8" s="23" customFormat="1" ht="24.95" customHeight="1" x14ac:dyDescent="0.25">
      <c r="A967" s="49" t="s">
        <v>201</v>
      </c>
      <c r="B967" s="100" t="s">
        <v>368</v>
      </c>
      <c r="C967" s="101"/>
      <c r="D967" s="101"/>
      <c r="E967" s="101"/>
      <c r="F967" s="101"/>
      <c r="G967" s="101"/>
      <c r="H967" s="102"/>
    </row>
    <row r="968" spans="1:8" s="23" customFormat="1" ht="24.95" customHeight="1" x14ac:dyDescent="0.25">
      <c r="A968" s="44" t="s">
        <v>11</v>
      </c>
      <c r="B968" s="42" t="s">
        <v>412</v>
      </c>
      <c r="C968" s="103" t="s">
        <v>886</v>
      </c>
      <c r="D968" s="103"/>
      <c r="E968" s="46"/>
      <c r="F968" s="106"/>
      <c r="G968" s="109"/>
      <c r="H968" s="110"/>
    </row>
    <row r="969" spans="1:8" s="23" customFormat="1" ht="24.95" customHeight="1" x14ac:dyDescent="0.25">
      <c r="A969" s="44" t="s">
        <v>44</v>
      </c>
      <c r="B969" s="42" t="s">
        <v>878</v>
      </c>
      <c r="C969" s="104"/>
      <c r="D969" s="104"/>
      <c r="E969" s="46"/>
      <c r="F969" s="107"/>
      <c r="G969" s="109"/>
      <c r="H969" s="110"/>
    </row>
    <row r="970" spans="1:8" s="23" customFormat="1" ht="24.95" customHeight="1" x14ac:dyDescent="0.25">
      <c r="A970" s="44" t="s">
        <v>45</v>
      </c>
      <c r="B970" s="42" t="s">
        <v>884</v>
      </c>
      <c r="C970" s="104"/>
      <c r="D970" s="104"/>
      <c r="E970" s="46"/>
      <c r="F970" s="107"/>
      <c r="G970" s="109"/>
      <c r="H970" s="110"/>
    </row>
    <row r="971" spans="1:8" s="23" customFormat="1" ht="24.95" customHeight="1" x14ac:dyDescent="0.25">
      <c r="A971" s="44" t="s">
        <v>46</v>
      </c>
      <c r="B971" s="42" t="s">
        <v>880</v>
      </c>
      <c r="C971" s="104"/>
      <c r="D971" s="104"/>
      <c r="E971" s="46"/>
      <c r="F971" s="107"/>
      <c r="G971" s="109"/>
      <c r="H971" s="110"/>
    </row>
    <row r="972" spans="1:8" s="23" customFormat="1" ht="24.95" customHeight="1" x14ac:dyDescent="0.25">
      <c r="A972" s="44" t="s">
        <v>47</v>
      </c>
      <c r="B972" s="42" t="s">
        <v>881</v>
      </c>
      <c r="C972" s="104"/>
      <c r="D972" s="104"/>
      <c r="E972" s="46"/>
      <c r="F972" s="107"/>
      <c r="G972" s="109"/>
      <c r="H972" s="110"/>
    </row>
    <row r="973" spans="1:8" s="23" customFormat="1" ht="24.95" customHeight="1" x14ac:dyDescent="0.25">
      <c r="A973" s="44" t="s">
        <v>48</v>
      </c>
      <c r="B973" s="42" t="s">
        <v>867</v>
      </c>
      <c r="C973" s="104"/>
      <c r="D973" s="104"/>
      <c r="E973" s="46"/>
      <c r="F973" s="107"/>
      <c r="G973" s="109"/>
      <c r="H973" s="110"/>
    </row>
    <row r="974" spans="1:8" s="23" customFormat="1" ht="24.95" customHeight="1" x14ac:dyDescent="0.25">
      <c r="A974" s="44" t="s">
        <v>49</v>
      </c>
      <c r="B974" s="42" t="s">
        <v>491</v>
      </c>
      <c r="C974" s="104"/>
      <c r="D974" s="104"/>
      <c r="E974" s="46"/>
      <c r="F974" s="107"/>
      <c r="G974" s="109"/>
      <c r="H974" s="110"/>
    </row>
    <row r="975" spans="1:8" s="23" customFormat="1" ht="24.95" customHeight="1" x14ac:dyDescent="0.25">
      <c r="A975" s="44" t="s">
        <v>50</v>
      </c>
      <c r="B975" s="42" t="s">
        <v>885</v>
      </c>
      <c r="C975" s="104"/>
      <c r="D975" s="104"/>
      <c r="E975" s="46"/>
      <c r="F975" s="107"/>
      <c r="G975" s="109"/>
      <c r="H975" s="110"/>
    </row>
    <row r="976" spans="1:8" s="23" customFormat="1" ht="24.95" customHeight="1" x14ac:dyDescent="0.25">
      <c r="A976" s="44" t="s">
        <v>51</v>
      </c>
      <c r="B976" s="42" t="s">
        <v>410</v>
      </c>
      <c r="C976" s="104"/>
      <c r="D976" s="104"/>
      <c r="E976" s="46"/>
      <c r="F976" s="107"/>
      <c r="G976" s="109"/>
      <c r="H976" s="110"/>
    </row>
    <row r="977" spans="1:8" s="23" customFormat="1" ht="24.95" customHeight="1" x14ac:dyDescent="0.25">
      <c r="A977" s="49" t="s">
        <v>202</v>
      </c>
      <c r="B977" s="100" t="s">
        <v>369</v>
      </c>
      <c r="C977" s="101"/>
      <c r="D977" s="101"/>
      <c r="E977" s="101"/>
      <c r="F977" s="101"/>
      <c r="G977" s="101"/>
      <c r="H977" s="102"/>
    </row>
    <row r="978" spans="1:8" s="23" customFormat="1" ht="24.95" customHeight="1" x14ac:dyDescent="0.25">
      <c r="A978" s="44" t="s">
        <v>11</v>
      </c>
      <c r="B978" s="42" t="s">
        <v>402</v>
      </c>
      <c r="C978" s="103" t="s">
        <v>890</v>
      </c>
      <c r="D978" s="103"/>
      <c r="E978" s="46"/>
      <c r="F978" s="106"/>
      <c r="G978" s="109"/>
      <c r="H978" s="110"/>
    </row>
    <row r="979" spans="1:8" s="23" customFormat="1" ht="24.95" customHeight="1" x14ac:dyDescent="0.25">
      <c r="A979" s="44" t="s">
        <v>44</v>
      </c>
      <c r="B979" s="42" t="s">
        <v>887</v>
      </c>
      <c r="C979" s="104"/>
      <c r="D979" s="104"/>
      <c r="E979" s="46"/>
      <c r="F979" s="107"/>
      <c r="G979" s="109"/>
      <c r="H979" s="110"/>
    </row>
    <row r="980" spans="1:8" s="23" customFormat="1" ht="24.95" customHeight="1" x14ac:dyDescent="0.25">
      <c r="A980" s="44" t="s">
        <v>45</v>
      </c>
      <c r="B980" s="42" t="s">
        <v>878</v>
      </c>
      <c r="C980" s="104"/>
      <c r="D980" s="104"/>
      <c r="E980" s="46"/>
      <c r="F980" s="107"/>
      <c r="G980" s="109"/>
      <c r="H980" s="110"/>
    </row>
    <row r="981" spans="1:8" s="23" customFormat="1" ht="24.95" customHeight="1" x14ac:dyDescent="0.25">
      <c r="A981" s="44" t="s">
        <v>46</v>
      </c>
      <c r="B981" s="42" t="s">
        <v>888</v>
      </c>
      <c r="C981" s="104"/>
      <c r="D981" s="104"/>
      <c r="E981" s="46"/>
      <c r="F981" s="107"/>
      <c r="G981" s="109"/>
      <c r="H981" s="110"/>
    </row>
    <row r="982" spans="1:8" s="23" customFormat="1" ht="24.95" customHeight="1" x14ac:dyDescent="0.25">
      <c r="A982" s="44" t="s">
        <v>47</v>
      </c>
      <c r="B982" s="42" t="s">
        <v>880</v>
      </c>
      <c r="C982" s="104"/>
      <c r="D982" s="104"/>
      <c r="E982" s="46"/>
      <c r="F982" s="107"/>
      <c r="G982" s="109"/>
      <c r="H982" s="110"/>
    </row>
    <row r="983" spans="1:8" s="23" customFormat="1" ht="24.95" customHeight="1" x14ac:dyDescent="0.25">
      <c r="A983" s="44" t="s">
        <v>48</v>
      </c>
      <c r="B983" s="42" t="s">
        <v>881</v>
      </c>
      <c r="C983" s="104"/>
      <c r="D983" s="104"/>
      <c r="E983" s="46"/>
      <c r="F983" s="107"/>
      <c r="G983" s="109"/>
      <c r="H983" s="110"/>
    </row>
    <row r="984" spans="1:8" s="23" customFormat="1" ht="24.95" customHeight="1" x14ac:dyDescent="0.25">
      <c r="A984" s="44" t="s">
        <v>49</v>
      </c>
      <c r="B984" s="42" t="s">
        <v>867</v>
      </c>
      <c r="C984" s="104"/>
      <c r="D984" s="104"/>
      <c r="E984" s="46"/>
      <c r="F984" s="107"/>
      <c r="G984" s="109"/>
      <c r="H984" s="110"/>
    </row>
    <row r="985" spans="1:8" s="23" customFormat="1" ht="24.95" customHeight="1" x14ac:dyDescent="0.25">
      <c r="A985" s="44" t="s">
        <v>50</v>
      </c>
      <c r="B985" s="42" t="s">
        <v>491</v>
      </c>
      <c r="C985" s="104"/>
      <c r="D985" s="104"/>
      <c r="E985" s="46"/>
      <c r="F985" s="107"/>
      <c r="G985" s="109"/>
      <c r="H985" s="110"/>
    </row>
    <row r="986" spans="1:8" s="23" customFormat="1" ht="24.95" customHeight="1" x14ac:dyDescent="0.25">
      <c r="A986" s="44" t="s">
        <v>51</v>
      </c>
      <c r="B986" s="42" t="s">
        <v>889</v>
      </c>
      <c r="C986" s="104"/>
      <c r="D986" s="104"/>
      <c r="E986" s="46"/>
      <c r="F986" s="107"/>
      <c r="G986" s="109"/>
      <c r="H986" s="110"/>
    </row>
    <row r="987" spans="1:8" s="23" customFormat="1" ht="24.95" customHeight="1" x14ac:dyDescent="0.25">
      <c r="A987" s="44" t="s">
        <v>52</v>
      </c>
      <c r="B987" s="42" t="s">
        <v>885</v>
      </c>
      <c r="C987" s="104"/>
      <c r="D987" s="104"/>
      <c r="E987" s="46"/>
      <c r="F987" s="107"/>
      <c r="G987" s="109"/>
      <c r="H987" s="110"/>
    </row>
    <row r="988" spans="1:8" s="23" customFormat="1" ht="24.95" customHeight="1" x14ac:dyDescent="0.25">
      <c r="A988" s="44" t="s">
        <v>53</v>
      </c>
      <c r="B988" s="42" t="s">
        <v>410</v>
      </c>
      <c r="C988" s="112"/>
      <c r="D988" s="112"/>
      <c r="E988" s="46"/>
      <c r="F988" s="111"/>
      <c r="G988" s="109"/>
      <c r="H988" s="110"/>
    </row>
    <row r="989" spans="1:8" s="23" customFormat="1" ht="24.95" customHeight="1" x14ac:dyDescent="0.25">
      <c r="A989" s="49" t="s">
        <v>203</v>
      </c>
      <c r="B989" s="100" t="s">
        <v>370</v>
      </c>
      <c r="C989" s="101"/>
      <c r="D989" s="101"/>
      <c r="E989" s="101"/>
      <c r="F989" s="101"/>
      <c r="G989" s="101"/>
      <c r="H989" s="102"/>
    </row>
    <row r="990" spans="1:8" s="23" customFormat="1" ht="24.95" customHeight="1" x14ac:dyDescent="0.25">
      <c r="A990" s="44" t="s">
        <v>11</v>
      </c>
      <c r="B990" s="42" t="s">
        <v>402</v>
      </c>
      <c r="C990" s="103" t="s">
        <v>895</v>
      </c>
      <c r="D990" s="103"/>
      <c r="E990" s="46"/>
      <c r="F990" s="106"/>
      <c r="G990" s="109"/>
      <c r="H990" s="110"/>
    </row>
    <row r="991" spans="1:8" s="23" customFormat="1" ht="24.95" customHeight="1" x14ac:dyDescent="0.25">
      <c r="A991" s="44" t="s">
        <v>44</v>
      </c>
      <c r="B991" s="42" t="s">
        <v>891</v>
      </c>
      <c r="C991" s="104"/>
      <c r="D991" s="104"/>
      <c r="E991" s="46"/>
      <c r="F991" s="107"/>
      <c r="G991" s="109"/>
      <c r="H991" s="110"/>
    </row>
    <row r="992" spans="1:8" s="23" customFormat="1" ht="24.95" customHeight="1" x14ac:dyDescent="0.25">
      <c r="A992" s="44" t="s">
        <v>45</v>
      </c>
      <c r="B992" s="42" t="s">
        <v>892</v>
      </c>
      <c r="C992" s="104"/>
      <c r="D992" s="104"/>
      <c r="E992" s="46"/>
      <c r="F992" s="107"/>
      <c r="G992" s="109"/>
      <c r="H992" s="110"/>
    </row>
    <row r="993" spans="1:8" s="23" customFormat="1" ht="24.95" customHeight="1" x14ac:dyDescent="0.25">
      <c r="A993" s="44" t="s">
        <v>46</v>
      </c>
      <c r="B993" s="42" t="s">
        <v>893</v>
      </c>
      <c r="C993" s="104"/>
      <c r="D993" s="104"/>
      <c r="E993" s="46"/>
      <c r="F993" s="107"/>
      <c r="G993" s="109"/>
      <c r="H993" s="110"/>
    </row>
    <row r="994" spans="1:8" s="23" customFormat="1" ht="24.95" customHeight="1" x14ac:dyDescent="0.25">
      <c r="A994" s="44" t="s">
        <v>47</v>
      </c>
      <c r="B994" s="42" t="s">
        <v>888</v>
      </c>
      <c r="C994" s="104"/>
      <c r="D994" s="104"/>
      <c r="E994" s="46"/>
      <c r="F994" s="107"/>
      <c r="G994" s="109"/>
      <c r="H994" s="110"/>
    </row>
    <row r="995" spans="1:8" s="23" customFormat="1" ht="24.95" customHeight="1" x14ac:dyDescent="0.25">
      <c r="A995" s="44" t="s">
        <v>48</v>
      </c>
      <c r="B995" s="42" t="s">
        <v>881</v>
      </c>
      <c r="C995" s="104"/>
      <c r="D995" s="104"/>
      <c r="E995" s="46"/>
      <c r="F995" s="107"/>
      <c r="G995" s="109"/>
      <c r="H995" s="110"/>
    </row>
    <row r="996" spans="1:8" s="23" customFormat="1" ht="24.95" customHeight="1" x14ac:dyDescent="0.25">
      <c r="A996" s="44" t="s">
        <v>49</v>
      </c>
      <c r="B996" s="42" t="s">
        <v>867</v>
      </c>
      <c r="C996" s="104"/>
      <c r="D996" s="104"/>
      <c r="E996" s="46"/>
      <c r="F996" s="107"/>
      <c r="G996" s="109"/>
      <c r="H996" s="110"/>
    </row>
    <row r="997" spans="1:8" s="23" customFormat="1" ht="24.95" customHeight="1" x14ac:dyDescent="0.25">
      <c r="A997" s="44" t="s">
        <v>50</v>
      </c>
      <c r="B997" s="42" t="s">
        <v>491</v>
      </c>
      <c r="C997" s="104"/>
      <c r="D997" s="104"/>
      <c r="E997" s="46"/>
      <c r="F997" s="107"/>
      <c r="G997" s="109"/>
      <c r="H997" s="110"/>
    </row>
    <row r="998" spans="1:8" s="23" customFormat="1" ht="24.95" customHeight="1" x14ac:dyDescent="0.25">
      <c r="A998" s="44" t="s">
        <v>51</v>
      </c>
      <c r="B998" s="42" t="s">
        <v>894</v>
      </c>
      <c r="C998" s="104"/>
      <c r="D998" s="104"/>
      <c r="E998" s="46"/>
      <c r="F998" s="107"/>
      <c r="G998" s="109"/>
      <c r="H998" s="110"/>
    </row>
    <row r="999" spans="1:8" s="23" customFormat="1" ht="24.95" customHeight="1" x14ac:dyDescent="0.25">
      <c r="A999" s="49" t="s">
        <v>204</v>
      </c>
      <c r="B999" s="100" t="s">
        <v>371</v>
      </c>
      <c r="C999" s="101"/>
      <c r="D999" s="101"/>
      <c r="E999" s="101"/>
      <c r="F999" s="101"/>
      <c r="G999" s="101"/>
      <c r="H999" s="102"/>
    </row>
    <row r="1000" spans="1:8" s="23" customFormat="1" ht="24.95" customHeight="1" x14ac:dyDescent="0.25">
      <c r="A1000" s="44" t="s">
        <v>11</v>
      </c>
      <c r="B1000" s="42" t="s">
        <v>402</v>
      </c>
      <c r="C1000" s="103" t="s">
        <v>900</v>
      </c>
      <c r="D1000" s="103"/>
      <c r="E1000" s="46"/>
      <c r="F1000" s="106"/>
      <c r="G1000" s="109"/>
      <c r="H1000" s="110"/>
    </row>
    <row r="1001" spans="1:8" s="23" customFormat="1" ht="24.95" customHeight="1" x14ac:dyDescent="0.25">
      <c r="A1001" s="44" t="s">
        <v>44</v>
      </c>
      <c r="B1001" s="42" t="s">
        <v>896</v>
      </c>
      <c r="C1001" s="104"/>
      <c r="D1001" s="104"/>
      <c r="E1001" s="46"/>
      <c r="F1001" s="107"/>
      <c r="G1001" s="109"/>
      <c r="H1001" s="110"/>
    </row>
    <row r="1002" spans="1:8" s="23" customFormat="1" ht="24.95" customHeight="1" x14ac:dyDescent="0.25">
      <c r="A1002" s="44" t="s">
        <v>45</v>
      </c>
      <c r="B1002" s="42" t="s">
        <v>897</v>
      </c>
      <c r="C1002" s="104"/>
      <c r="D1002" s="104"/>
      <c r="E1002" s="46"/>
      <c r="F1002" s="107"/>
      <c r="G1002" s="109"/>
      <c r="H1002" s="110"/>
    </row>
    <row r="1003" spans="1:8" s="23" customFormat="1" ht="24.95" customHeight="1" x14ac:dyDescent="0.25">
      <c r="A1003" s="44" t="s">
        <v>46</v>
      </c>
      <c r="B1003" s="42" t="s">
        <v>898</v>
      </c>
      <c r="C1003" s="104"/>
      <c r="D1003" s="104"/>
      <c r="E1003" s="46"/>
      <c r="F1003" s="107"/>
      <c r="G1003" s="109"/>
      <c r="H1003" s="110"/>
    </row>
    <row r="1004" spans="1:8" s="23" customFormat="1" ht="24.95" customHeight="1" x14ac:dyDescent="0.25">
      <c r="A1004" s="44" t="s">
        <v>47</v>
      </c>
      <c r="B1004" s="42" t="s">
        <v>881</v>
      </c>
      <c r="C1004" s="104"/>
      <c r="D1004" s="104"/>
      <c r="E1004" s="46"/>
      <c r="F1004" s="107"/>
      <c r="G1004" s="109"/>
      <c r="H1004" s="110"/>
    </row>
    <row r="1005" spans="1:8" s="23" customFormat="1" ht="24.95" customHeight="1" x14ac:dyDescent="0.25">
      <c r="A1005" s="44" t="s">
        <v>48</v>
      </c>
      <c r="B1005" s="42" t="s">
        <v>867</v>
      </c>
      <c r="C1005" s="104"/>
      <c r="D1005" s="104"/>
      <c r="E1005" s="46"/>
      <c r="F1005" s="107"/>
      <c r="G1005" s="109"/>
      <c r="H1005" s="110"/>
    </row>
    <row r="1006" spans="1:8" s="23" customFormat="1" ht="24.95" customHeight="1" x14ac:dyDescent="0.25">
      <c r="A1006" s="44" t="s">
        <v>49</v>
      </c>
      <c r="B1006" s="42" t="s">
        <v>491</v>
      </c>
      <c r="C1006" s="104"/>
      <c r="D1006" s="104"/>
      <c r="E1006" s="46"/>
      <c r="F1006" s="107"/>
      <c r="G1006" s="109"/>
      <c r="H1006" s="110"/>
    </row>
    <row r="1007" spans="1:8" s="23" customFormat="1" ht="24.95" customHeight="1" x14ac:dyDescent="0.25">
      <c r="A1007" s="44" t="s">
        <v>50</v>
      </c>
      <c r="B1007" s="42" t="s">
        <v>899</v>
      </c>
      <c r="C1007" s="104"/>
      <c r="D1007" s="104"/>
      <c r="E1007" s="46"/>
      <c r="F1007" s="107"/>
      <c r="G1007" s="109"/>
      <c r="H1007" s="110"/>
    </row>
    <row r="1008" spans="1:8" s="23" customFormat="1" ht="24.95" customHeight="1" x14ac:dyDescent="0.25">
      <c r="A1008" s="44" t="s">
        <v>51</v>
      </c>
      <c r="B1008" s="42" t="s">
        <v>410</v>
      </c>
      <c r="C1008" s="104"/>
      <c r="D1008" s="104"/>
      <c r="E1008" s="46"/>
      <c r="F1008" s="107"/>
      <c r="G1008" s="109"/>
      <c r="H1008" s="110"/>
    </row>
    <row r="1009" spans="1:8" s="23" customFormat="1" ht="24.95" customHeight="1" x14ac:dyDescent="0.25">
      <c r="A1009" s="49" t="s">
        <v>205</v>
      </c>
      <c r="B1009" s="100" t="s">
        <v>372</v>
      </c>
      <c r="C1009" s="101"/>
      <c r="D1009" s="101"/>
      <c r="E1009" s="101"/>
      <c r="F1009" s="101"/>
      <c r="G1009" s="101"/>
      <c r="H1009" s="102"/>
    </row>
    <row r="1010" spans="1:8" s="23" customFormat="1" ht="24.95" customHeight="1" x14ac:dyDescent="0.25">
      <c r="A1010" s="44" t="s">
        <v>11</v>
      </c>
      <c r="B1010" s="42" t="s">
        <v>402</v>
      </c>
      <c r="C1010" s="103" t="s">
        <v>904</v>
      </c>
      <c r="D1010" s="103"/>
      <c r="E1010" s="46"/>
      <c r="F1010" s="106"/>
      <c r="G1010" s="109"/>
      <c r="H1010" s="110"/>
    </row>
    <row r="1011" spans="1:8" s="23" customFormat="1" ht="24.95" customHeight="1" x14ac:dyDescent="0.25">
      <c r="A1011" s="44" t="s">
        <v>44</v>
      </c>
      <c r="B1011" s="42" t="s">
        <v>901</v>
      </c>
      <c r="C1011" s="104"/>
      <c r="D1011" s="104"/>
      <c r="E1011" s="46"/>
      <c r="F1011" s="107"/>
      <c r="G1011" s="109"/>
      <c r="H1011" s="110"/>
    </row>
    <row r="1012" spans="1:8" s="23" customFormat="1" ht="24.95" customHeight="1" x14ac:dyDescent="0.25">
      <c r="A1012" s="44" t="s">
        <v>45</v>
      </c>
      <c r="B1012" s="42" t="s">
        <v>902</v>
      </c>
      <c r="C1012" s="104"/>
      <c r="D1012" s="104"/>
      <c r="E1012" s="46"/>
      <c r="F1012" s="107"/>
      <c r="G1012" s="109"/>
      <c r="H1012" s="110"/>
    </row>
    <row r="1013" spans="1:8" s="23" customFormat="1" ht="24.95" customHeight="1" x14ac:dyDescent="0.25">
      <c r="A1013" s="44" t="s">
        <v>46</v>
      </c>
      <c r="B1013" s="42" t="s">
        <v>903</v>
      </c>
      <c r="C1013" s="104"/>
      <c r="D1013" s="104"/>
      <c r="E1013" s="46"/>
      <c r="F1013" s="107"/>
      <c r="G1013" s="109"/>
      <c r="H1013" s="110"/>
    </row>
    <row r="1014" spans="1:8" s="23" customFormat="1" ht="24.95" customHeight="1" x14ac:dyDescent="0.25">
      <c r="A1014" s="44" t="s">
        <v>47</v>
      </c>
      <c r="B1014" s="42" t="s">
        <v>867</v>
      </c>
      <c r="C1014" s="104"/>
      <c r="D1014" s="104"/>
      <c r="E1014" s="46"/>
      <c r="F1014" s="107"/>
      <c r="G1014" s="109"/>
      <c r="H1014" s="110"/>
    </row>
    <row r="1015" spans="1:8" s="23" customFormat="1" ht="24.95" customHeight="1" x14ac:dyDescent="0.25">
      <c r="A1015" s="44" t="s">
        <v>48</v>
      </c>
      <c r="B1015" s="42" t="s">
        <v>491</v>
      </c>
      <c r="C1015" s="104"/>
      <c r="D1015" s="104"/>
      <c r="E1015" s="46"/>
      <c r="F1015" s="107"/>
      <c r="G1015" s="109"/>
      <c r="H1015" s="110"/>
    </row>
    <row r="1016" spans="1:8" s="23" customFormat="1" ht="24.95" customHeight="1" x14ac:dyDescent="0.25">
      <c r="A1016" s="44" t="s">
        <v>49</v>
      </c>
      <c r="B1016" s="42" t="s">
        <v>882</v>
      </c>
      <c r="C1016" s="104"/>
      <c r="D1016" s="104"/>
      <c r="E1016" s="46"/>
      <c r="F1016" s="107"/>
      <c r="G1016" s="109"/>
      <c r="H1016" s="110"/>
    </row>
    <row r="1017" spans="1:8" s="23" customFormat="1" ht="24.95" customHeight="1" x14ac:dyDescent="0.25">
      <c r="A1017" s="44" t="s">
        <v>50</v>
      </c>
      <c r="B1017" s="42" t="s">
        <v>410</v>
      </c>
      <c r="C1017" s="104"/>
      <c r="D1017" s="104"/>
      <c r="E1017" s="46"/>
      <c r="F1017" s="107"/>
      <c r="G1017" s="109"/>
      <c r="H1017" s="110"/>
    </row>
    <row r="1018" spans="1:8" s="23" customFormat="1" ht="24.95" customHeight="1" x14ac:dyDescent="0.25">
      <c r="A1018" s="49" t="s">
        <v>206</v>
      </c>
      <c r="B1018" s="100" t="s">
        <v>373</v>
      </c>
      <c r="C1018" s="101"/>
      <c r="D1018" s="101"/>
      <c r="E1018" s="101"/>
      <c r="F1018" s="101"/>
      <c r="G1018" s="101"/>
      <c r="H1018" s="102"/>
    </row>
    <row r="1019" spans="1:8" s="23" customFormat="1" ht="24.95" customHeight="1" x14ac:dyDescent="0.25">
      <c r="A1019" s="44" t="s">
        <v>11</v>
      </c>
      <c r="B1019" s="42" t="s">
        <v>402</v>
      </c>
      <c r="C1019" s="103" t="s">
        <v>904</v>
      </c>
      <c r="D1019" s="103"/>
      <c r="E1019" s="46"/>
      <c r="F1019" s="106"/>
      <c r="G1019" s="109"/>
      <c r="H1019" s="110"/>
    </row>
    <row r="1020" spans="1:8" s="23" customFormat="1" ht="24.95" customHeight="1" x14ac:dyDescent="0.25">
      <c r="A1020" s="44" t="s">
        <v>44</v>
      </c>
      <c r="B1020" s="42" t="s">
        <v>905</v>
      </c>
      <c r="C1020" s="104"/>
      <c r="D1020" s="104"/>
      <c r="E1020" s="46"/>
      <c r="F1020" s="107"/>
      <c r="G1020" s="109"/>
      <c r="H1020" s="110"/>
    </row>
    <row r="1021" spans="1:8" s="23" customFormat="1" ht="24.95" customHeight="1" x14ac:dyDescent="0.25">
      <c r="A1021" s="44" t="s">
        <v>45</v>
      </c>
      <c r="B1021" s="42" t="s">
        <v>906</v>
      </c>
      <c r="C1021" s="104"/>
      <c r="D1021" s="104"/>
      <c r="E1021" s="46"/>
      <c r="F1021" s="107"/>
      <c r="G1021" s="109"/>
      <c r="H1021" s="110"/>
    </row>
    <row r="1022" spans="1:8" s="23" customFormat="1" ht="24.95" customHeight="1" x14ac:dyDescent="0.25">
      <c r="A1022" s="44" t="s">
        <v>46</v>
      </c>
      <c r="B1022" s="42" t="s">
        <v>903</v>
      </c>
      <c r="C1022" s="104"/>
      <c r="D1022" s="104"/>
      <c r="E1022" s="46"/>
      <c r="F1022" s="107"/>
      <c r="G1022" s="109"/>
      <c r="H1022" s="110"/>
    </row>
    <row r="1023" spans="1:8" s="23" customFormat="1" ht="24.95" customHeight="1" x14ac:dyDescent="0.25">
      <c r="A1023" s="44" t="s">
        <v>47</v>
      </c>
      <c r="B1023" s="42" t="s">
        <v>867</v>
      </c>
      <c r="C1023" s="104"/>
      <c r="D1023" s="104"/>
      <c r="E1023" s="46"/>
      <c r="F1023" s="107"/>
      <c r="G1023" s="109"/>
      <c r="H1023" s="110"/>
    </row>
    <row r="1024" spans="1:8" s="23" customFormat="1" ht="24.95" customHeight="1" x14ac:dyDescent="0.25">
      <c r="A1024" s="44" t="s">
        <v>48</v>
      </c>
      <c r="B1024" s="42" t="s">
        <v>470</v>
      </c>
      <c r="C1024" s="104"/>
      <c r="D1024" s="104"/>
      <c r="E1024" s="46"/>
      <c r="F1024" s="107"/>
      <c r="G1024" s="109"/>
      <c r="H1024" s="110"/>
    </row>
    <row r="1025" spans="1:8" s="23" customFormat="1" ht="24.95" customHeight="1" x14ac:dyDescent="0.25">
      <c r="A1025" s="44" t="s">
        <v>49</v>
      </c>
      <c r="B1025" s="42" t="s">
        <v>885</v>
      </c>
      <c r="C1025" s="104"/>
      <c r="D1025" s="104"/>
      <c r="E1025" s="46"/>
      <c r="F1025" s="107"/>
      <c r="G1025" s="109"/>
      <c r="H1025" s="110"/>
    </row>
    <row r="1026" spans="1:8" s="23" customFormat="1" ht="24.95" customHeight="1" x14ac:dyDescent="0.25">
      <c r="A1026" s="44" t="s">
        <v>50</v>
      </c>
      <c r="B1026" s="42" t="s">
        <v>410</v>
      </c>
      <c r="C1026" s="104"/>
      <c r="D1026" s="104"/>
      <c r="E1026" s="46"/>
      <c r="F1026" s="107"/>
      <c r="G1026" s="109"/>
      <c r="H1026" s="110"/>
    </row>
    <row r="1027" spans="1:8" s="23" customFormat="1" ht="24.95" customHeight="1" x14ac:dyDescent="0.25">
      <c r="A1027" s="49" t="s">
        <v>207</v>
      </c>
      <c r="B1027" s="100" t="s">
        <v>374</v>
      </c>
      <c r="C1027" s="101"/>
      <c r="D1027" s="101"/>
      <c r="E1027" s="101"/>
      <c r="F1027" s="101"/>
      <c r="G1027" s="101"/>
      <c r="H1027" s="102"/>
    </row>
    <row r="1028" spans="1:8" s="23" customFormat="1" ht="24.95" customHeight="1" x14ac:dyDescent="0.25">
      <c r="A1028" s="44" t="s">
        <v>11</v>
      </c>
      <c r="B1028" s="42" t="s">
        <v>907</v>
      </c>
      <c r="C1028" s="103" t="s">
        <v>910</v>
      </c>
      <c r="D1028" s="103"/>
      <c r="E1028" s="46"/>
      <c r="F1028" s="106"/>
      <c r="G1028" s="109"/>
      <c r="H1028" s="110"/>
    </row>
    <row r="1029" spans="1:8" s="23" customFormat="1" ht="24.95" customHeight="1" x14ac:dyDescent="0.25">
      <c r="A1029" s="44" t="s">
        <v>44</v>
      </c>
      <c r="B1029" s="42" t="s">
        <v>412</v>
      </c>
      <c r="C1029" s="104"/>
      <c r="D1029" s="104"/>
      <c r="E1029" s="46"/>
      <c r="F1029" s="107"/>
      <c r="G1029" s="109"/>
      <c r="H1029" s="110"/>
    </row>
    <row r="1030" spans="1:8" s="23" customFormat="1" ht="24.95" customHeight="1" x14ac:dyDescent="0.25">
      <c r="A1030" s="44" t="s">
        <v>45</v>
      </c>
      <c r="B1030" s="42" t="s">
        <v>901</v>
      </c>
      <c r="C1030" s="104"/>
      <c r="D1030" s="104"/>
      <c r="E1030" s="46"/>
      <c r="F1030" s="107"/>
      <c r="G1030" s="109"/>
      <c r="H1030" s="110"/>
    </row>
    <row r="1031" spans="1:8" s="23" customFormat="1" ht="24.95" customHeight="1" x14ac:dyDescent="0.25">
      <c r="A1031" s="44" t="s">
        <v>46</v>
      </c>
      <c r="B1031" s="42" t="s">
        <v>908</v>
      </c>
      <c r="C1031" s="104"/>
      <c r="D1031" s="104"/>
      <c r="E1031" s="46"/>
      <c r="F1031" s="107"/>
      <c r="G1031" s="109"/>
      <c r="H1031" s="110"/>
    </row>
    <row r="1032" spans="1:8" s="23" customFormat="1" ht="24.95" customHeight="1" x14ac:dyDescent="0.25">
      <c r="A1032" s="44" t="s">
        <v>47</v>
      </c>
      <c r="B1032" s="42" t="s">
        <v>909</v>
      </c>
      <c r="C1032" s="104"/>
      <c r="D1032" s="104"/>
      <c r="E1032" s="46"/>
      <c r="F1032" s="107"/>
      <c r="G1032" s="109"/>
      <c r="H1032" s="110"/>
    </row>
    <row r="1033" spans="1:8" s="23" customFormat="1" ht="24.95" customHeight="1" x14ac:dyDescent="0.25">
      <c r="A1033" s="44" t="s">
        <v>48</v>
      </c>
      <c r="B1033" s="42" t="s">
        <v>406</v>
      </c>
      <c r="C1033" s="104"/>
      <c r="D1033" s="104"/>
      <c r="E1033" s="46"/>
      <c r="F1033" s="107"/>
      <c r="G1033" s="109"/>
      <c r="H1033" s="110"/>
    </row>
    <row r="1034" spans="1:8" s="23" customFormat="1" ht="24.95" customHeight="1" x14ac:dyDescent="0.25">
      <c r="A1034" s="49" t="s">
        <v>208</v>
      </c>
      <c r="B1034" s="100" t="s">
        <v>375</v>
      </c>
      <c r="C1034" s="101"/>
      <c r="D1034" s="101"/>
      <c r="E1034" s="101"/>
      <c r="F1034" s="101"/>
      <c r="G1034" s="101"/>
      <c r="H1034" s="102"/>
    </row>
    <row r="1035" spans="1:8" s="23" customFormat="1" ht="24.95" customHeight="1" x14ac:dyDescent="0.25">
      <c r="A1035" s="44" t="s">
        <v>11</v>
      </c>
      <c r="B1035" s="42" t="s">
        <v>907</v>
      </c>
      <c r="C1035" s="103" t="s">
        <v>910</v>
      </c>
      <c r="D1035" s="103"/>
      <c r="E1035" s="46"/>
      <c r="F1035" s="106"/>
      <c r="G1035" s="109"/>
      <c r="H1035" s="110"/>
    </row>
    <row r="1036" spans="1:8" s="23" customFormat="1" ht="24.95" customHeight="1" x14ac:dyDescent="0.25">
      <c r="A1036" s="44" t="s">
        <v>44</v>
      </c>
      <c r="B1036" s="42" t="s">
        <v>402</v>
      </c>
      <c r="C1036" s="104"/>
      <c r="D1036" s="104"/>
      <c r="E1036" s="46"/>
      <c r="F1036" s="107"/>
      <c r="G1036" s="109"/>
      <c r="H1036" s="110"/>
    </row>
    <row r="1037" spans="1:8" s="23" customFormat="1" ht="24.95" customHeight="1" x14ac:dyDescent="0.25">
      <c r="A1037" s="44" t="s">
        <v>45</v>
      </c>
      <c r="B1037" s="42" t="s">
        <v>901</v>
      </c>
      <c r="C1037" s="104"/>
      <c r="D1037" s="104"/>
      <c r="E1037" s="46"/>
      <c r="F1037" s="107"/>
      <c r="G1037" s="109"/>
      <c r="H1037" s="110"/>
    </row>
    <row r="1038" spans="1:8" s="23" customFormat="1" ht="24.95" customHeight="1" x14ac:dyDescent="0.25">
      <c r="A1038" s="44" t="s">
        <v>46</v>
      </c>
      <c r="B1038" s="42" t="s">
        <v>908</v>
      </c>
      <c r="C1038" s="104"/>
      <c r="D1038" s="104"/>
      <c r="E1038" s="46"/>
      <c r="F1038" s="107"/>
      <c r="G1038" s="109"/>
      <c r="H1038" s="110"/>
    </row>
    <row r="1039" spans="1:8" s="23" customFormat="1" ht="24.95" customHeight="1" x14ac:dyDescent="0.25">
      <c r="A1039" s="44" t="s">
        <v>47</v>
      </c>
      <c r="B1039" s="42" t="s">
        <v>909</v>
      </c>
      <c r="C1039" s="104"/>
      <c r="D1039" s="104"/>
      <c r="E1039" s="46"/>
      <c r="F1039" s="107"/>
      <c r="G1039" s="109"/>
      <c r="H1039" s="110"/>
    </row>
    <row r="1040" spans="1:8" s="23" customFormat="1" ht="24.95" customHeight="1" x14ac:dyDescent="0.25">
      <c r="A1040" s="44" t="s">
        <v>48</v>
      </c>
      <c r="B1040" s="42" t="s">
        <v>406</v>
      </c>
      <c r="C1040" s="104"/>
      <c r="D1040" s="104"/>
      <c r="E1040" s="46"/>
      <c r="F1040" s="107"/>
      <c r="G1040" s="109"/>
      <c r="H1040" s="110"/>
    </row>
    <row r="1041" spans="1:8" s="23" customFormat="1" ht="24.95" customHeight="1" x14ac:dyDescent="0.25">
      <c r="A1041" s="49" t="s">
        <v>209</v>
      </c>
      <c r="B1041" s="100" t="s">
        <v>376</v>
      </c>
      <c r="C1041" s="101"/>
      <c r="D1041" s="101"/>
      <c r="E1041" s="101"/>
      <c r="F1041" s="101"/>
      <c r="G1041" s="101"/>
      <c r="H1041" s="102"/>
    </row>
    <row r="1042" spans="1:8" s="23" customFormat="1" ht="24.95" customHeight="1" x14ac:dyDescent="0.25">
      <c r="A1042" s="44" t="s">
        <v>11</v>
      </c>
      <c r="B1042" s="42" t="s">
        <v>911</v>
      </c>
      <c r="C1042" s="103" t="s">
        <v>914</v>
      </c>
      <c r="D1042" s="103"/>
      <c r="E1042" s="46"/>
      <c r="F1042" s="106"/>
      <c r="G1042" s="109"/>
      <c r="H1042" s="110"/>
    </row>
    <row r="1043" spans="1:8" s="23" customFormat="1" ht="24.95" customHeight="1" x14ac:dyDescent="0.25">
      <c r="A1043" s="44" t="s">
        <v>44</v>
      </c>
      <c r="B1043" s="42" t="s">
        <v>656</v>
      </c>
      <c r="C1043" s="104"/>
      <c r="D1043" s="104"/>
      <c r="E1043" s="46"/>
      <c r="F1043" s="107"/>
      <c r="G1043" s="109"/>
      <c r="H1043" s="110"/>
    </row>
    <row r="1044" spans="1:8" s="23" customFormat="1" ht="24.95" customHeight="1" x14ac:dyDescent="0.25">
      <c r="A1044" s="44" t="s">
        <v>45</v>
      </c>
      <c r="B1044" s="42" t="s">
        <v>912</v>
      </c>
      <c r="C1044" s="104"/>
      <c r="D1044" s="104"/>
      <c r="E1044" s="46"/>
      <c r="F1044" s="107"/>
      <c r="G1044" s="109"/>
      <c r="H1044" s="110"/>
    </row>
    <row r="1045" spans="1:8" s="23" customFormat="1" ht="24.95" customHeight="1" x14ac:dyDescent="0.25">
      <c r="A1045" s="44" t="s">
        <v>46</v>
      </c>
      <c r="B1045" s="42" t="s">
        <v>491</v>
      </c>
      <c r="C1045" s="104"/>
      <c r="D1045" s="104"/>
      <c r="E1045" s="46"/>
      <c r="F1045" s="107"/>
      <c r="G1045" s="109"/>
      <c r="H1045" s="110"/>
    </row>
    <row r="1046" spans="1:8" s="23" customFormat="1" ht="24.95" customHeight="1" x14ac:dyDescent="0.25">
      <c r="A1046" s="44" t="s">
        <v>47</v>
      </c>
      <c r="B1046" s="42" t="s">
        <v>913</v>
      </c>
      <c r="C1046" s="104"/>
      <c r="D1046" s="104"/>
      <c r="E1046" s="46"/>
      <c r="F1046" s="107"/>
      <c r="G1046" s="109"/>
      <c r="H1046" s="110"/>
    </row>
    <row r="1047" spans="1:8" s="23" customFormat="1" ht="24.95" customHeight="1" x14ac:dyDescent="0.25">
      <c r="A1047" s="44" t="s">
        <v>48</v>
      </c>
      <c r="B1047" s="42" t="s">
        <v>410</v>
      </c>
      <c r="C1047" s="104"/>
      <c r="D1047" s="104"/>
      <c r="E1047" s="46"/>
      <c r="F1047" s="107"/>
      <c r="G1047" s="109"/>
      <c r="H1047" s="110"/>
    </row>
    <row r="1048" spans="1:8" s="23" customFormat="1" ht="24.95" customHeight="1" x14ac:dyDescent="0.25">
      <c r="A1048" s="49" t="s">
        <v>210</v>
      </c>
      <c r="B1048" s="100" t="s">
        <v>377</v>
      </c>
      <c r="C1048" s="101"/>
      <c r="D1048" s="101"/>
      <c r="E1048" s="101"/>
      <c r="F1048" s="101"/>
      <c r="G1048" s="101"/>
      <c r="H1048" s="102"/>
    </row>
    <row r="1049" spans="1:8" s="23" customFormat="1" ht="24.95" customHeight="1" x14ac:dyDescent="0.25">
      <c r="A1049" s="44" t="s">
        <v>11</v>
      </c>
      <c r="B1049" s="42" t="s">
        <v>915</v>
      </c>
      <c r="C1049" s="103" t="s">
        <v>753</v>
      </c>
      <c r="D1049" s="103"/>
      <c r="E1049" s="46"/>
      <c r="F1049" s="106"/>
      <c r="G1049" s="109"/>
      <c r="H1049" s="110"/>
    </row>
    <row r="1050" spans="1:8" s="23" customFormat="1" ht="24.95" customHeight="1" x14ac:dyDescent="0.25">
      <c r="A1050" s="44" t="s">
        <v>44</v>
      </c>
      <c r="B1050" s="42" t="s">
        <v>916</v>
      </c>
      <c r="C1050" s="104"/>
      <c r="D1050" s="104"/>
      <c r="E1050" s="46"/>
      <c r="F1050" s="107"/>
      <c r="G1050" s="109"/>
      <c r="H1050" s="110"/>
    </row>
    <row r="1051" spans="1:8" s="23" customFormat="1" ht="24.95" customHeight="1" x14ac:dyDescent="0.25">
      <c r="A1051" s="44" t="s">
        <v>45</v>
      </c>
      <c r="B1051" s="42" t="s">
        <v>410</v>
      </c>
      <c r="C1051" s="104"/>
      <c r="D1051" s="104"/>
      <c r="E1051" s="46"/>
      <c r="F1051" s="107"/>
      <c r="G1051" s="109"/>
      <c r="H1051" s="110"/>
    </row>
    <row r="1052" spans="1:8" s="23" customFormat="1" ht="24.95" customHeight="1" x14ac:dyDescent="0.25">
      <c r="A1052" s="49" t="s">
        <v>211</v>
      </c>
      <c r="B1052" s="100" t="s">
        <v>378</v>
      </c>
      <c r="C1052" s="101"/>
      <c r="D1052" s="101"/>
      <c r="E1052" s="101"/>
      <c r="F1052" s="101"/>
      <c r="G1052" s="101"/>
      <c r="H1052" s="102"/>
    </row>
    <row r="1053" spans="1:8" s="23" customFormat="1" ht="24.95" customHeight="1" x14ac:dyDescent="0.25">
      <c r="A1053" s="44" t="s">
        <v>11</v>
      </c>
      <c r="B1053" s="42" t="s">
        <v>917</v>
      </c>
      <c r="C1053" s="103" t="s">
        <v>753</v>
      </c>
      <c r="D1053" s="103"/>
      <c r="E1053" s="46"/>
      <c r="F1053" s="106"/>
      <c r="G1053" s="109"/>
      <c r="H1053" s="110"/>
    </row>
    <row r="1054" spans="1:8" s="23" customFormat="1" ht="24.95" customHeight="1" x14ac:dyDescent="0.25">
      <c r="A1054" s="44" t="s">
        <v>44</v>
      </c>
      <c r="B1054" s="42" t="s">
        <v>918</v>
      </c>
      <c r="C1054" s="104"/>
      <c r="D1054" s="104"/>
      <c r="E1054" s="46"/>
      <c r="F1054" s="107"/>
      <c r="G1054" s="109"/>
      <c r="H1054" s="110"/>
    </row>
    <row r="1055" spans="1:8" s="23" customFormat="1" ht="24.95" customHeight="1" x14ac:dyDescent="0.25">
      <c r="A1055" s="44" t="s">
        <v>45</v>
      </c>
      <c r="B1055" s="42" t="s">
        <v>919</v>
      </c>
      <c r="C1055" s="104"/>
      <c r="D1055" s="104"/>
      <c r="E1055" s="46"/>
      <c r="F1055" s="107"/>
      <c r="G1055" s="109"/>
      <c r="H1055" s="110"/>
    </row>
    <row r="1056" spans="1:8" s="23" customFormat="1" ht="24.95" customHeight="1" x14ac:dyDescent="0.25">
      <c r="A1056" s="44" t="s">
        <v>46</v>
      </c>
      <c r="B1056" s="42" t="s">
        <v>491</v>
      </c>
      <c r="C1056" s="104"/>
      <c r="D1056" s="104"/>
      <c r="E1056" s="46"/>
      <c r="F1056" s="107"/>
      <c r="G1056" s="109"/>
      <c r="H1056" s="110"/>
    </row>
    <row r="1057" spans="1:8" s="23" customFormat="1" ht="24.95" customHeight="1" x14ac:dyDescent="0.25">
      <c r="A1057" s="44" t="s">
        <v>47</v>
      </c>
      <c r="B1057" s="42" t="s">
        <v>406</v>
      </c>
      <c r="C1057" s="104"/>
      <c r="D1057" s="104"/>
      <c r="E1057" s="46"/>
      <c r="F1057" s="107"/>
      <c r="G1057" s="109"/>
      <c r="H1057" s="110"/>
    </row>
    <row r="1058" spans="1:8" s="23" customFormat="1" ht="24.95" customHeight="1" x14ac:dyDescent="0.25">
      <c r="A1058" s="49" t="s">
        <v>212</v>
      </c>
      <c r="B1058" s="100" t="s">
        <v>379</v>
      </c>
      <c r="C1058" s="101"/>
      <c r="D1058" s="101"/>
      <c r="E1058" s="101"/>
      <c r="F1058" s="101"/>
      <c r="G1058" s="101"/>
      <c r="H1058" s="102"/>
    </row>
    <row r="1059" spans="1:8" s="23" customFormat="1" ht="24.95" customHeight="1" x14ac:dyDescent="0.25">
      <c r="A1059" s="44" t="s">
        <v>11</v>
      </c>
      <c r="B1059" s="42" t="s">
        <v>920</v>
      </c>
      <c r="C1059" s="103" t="s">
        <v>925</v>
      </c>
      <c r="D1059" s="103"/>
      <c r="E1059" s="46"/>
      <c r="F1059" s="106"/>
      <c r="G1059" s="109"/>
      <c r="H1059" s="110"/>
    </row>
    <row r="1060" spans="1:8" s="23" customFormat="1" ht="24.95" customHeight="1" x14ac:dyDescent="0.25">
      <c r="A1060" s="44" t="s">
        <v>44</v>
      </c>
      <c r="B1060" s="42" t="s">
        <v>921</v>
      </c>
      <c r="C1060" s="104"/>
      <c r="D1060" s="104"/>
      <c r="E1060" s="46"/>
      <c r="F1060" s="107"/>
      <c r="G1060" s="109"/>
      <c r="H1060" s="110"/>
    </row>
    <row r="1061" spans="1:8" s="23" customFormat="1" ht="24.95" customHeight="1" x14ac:dyDescent="0.25">
      <c r="A1061" s="44" t="s">
        <v>45</v>
      </c>
      <c r="B1061" s="42" t="s">
        <v>922</v>
      </c>
      <c r="C1061" s="104"/>
      <c r="D1061" s="104"/>
      <c r="E1061" s="46"/>
      <c r="F1061" s="107"/>
      <c r="G1061" s="109"/>
      <c r="H1061" s="110"/>
    </row>
    <row r="1062" spans="1:8" s="23" customFormat="1" ht="24.95" customHeight="1" x14ac:dyDescent="0.25">
      <c r="A1062" s="44" t="s">
        <v>46</v>
      </c>
      <c r="B1062" s="42" t="s">
        <v>923</v>
      </c>
      <c r="C1062" s="104"/>
      <c r="D1062" s="104"/>
      <c r="E1062" s="46"/>
      <c r="F1062" s="107"/>
      <c r="G1062" s="109"/>
      <c r="H1062" s="110"/>
    </row>
    <row r="1063" spans="1:8" s="23" customFormat="1" ht="24.95" customHeight="1" x14ac:dyDescent="0.25">
      <c r="A1063" s="44" t="s">
        <v>47</v>
      </c>
      <c r="B1063" s="42" t="s">
        <v>924</v>
      </c>
      <c r="C1063" s="104"/>
      <c r="D1063" s="104"/>
      <c r="E1063" s="46"/>
      <c r="F1063" s="107"/>
      <c r="G1063" s="109"/>
      <c r="H1063" s="110"/>
    </row>
    <row r="1064" spans="1:8" s="23" customFormat="1" ht="24.95" customHeight="1" x14ac:dyDescent="0.25">
      <c r="A1064" s="44" t="s">
        <v>48</v>
      </c>
      <c r="B1064" s="42" t="s">
        <v>491</v>
      </c>
      <c r="C1064" s="104"/>
      <c r="D1064" s="104"/>
      <c r="E1064" s="46"/>
      <c r="F1064" s="107"/>
      <c r="G1064" s="109"/>
      <c r="H1064" s="110"/>
    </row>
    <row r="1065" spans="1:8" s="23" customFormat="1" ht="24.95" customHeight="1" x14ac:dyDescent="0.25">
      <c r="A1065" s="44" t="s">
        <v>49</v>
      </c>
      <c r="B1065" s="42" t="s">
        <v>406</v>
      </c>
      <c r="C1065" s="104"/>
      <c r="D1065" s="104"/>
      <c r="E1065" s="46"/>
      <c r="F1065" s="107"/>
      <c r="G1065" s="109"/>
      <c r="H1065" s="110"/>
    </row>
    <row r="1066" spans="1:8" s="23" customFormat="1" ht="24.95" customHeight="1" x14ac:dyDescent="0.25">
      <c r="A1066" s="49" t="s">
        <v>213</v>
      </c>
      <c r="B1066" s="100" t="s">
        <v>380</v>
      </c>
      <c r="C1066" s="101"/>
      <c r="D1066" s="101"/>
      <c r="E1066" s="101"/>
      <c r="F1066" s="101"/>
      <c r="G1066" s="101"/>
      <c r="H1066" s="102"/>
    </row>
    <row r="1067" spans="1:8" s="23" customFormat="1" ht="24.95" customHeight="1" x14ac:dyDescent="0.25">
      <c r="A1067" s="44" t="s">
        <v>11</v>
      </c>
      <c r="B1067" s="42" t="s">
        <v>926</v>
      </c>
      <c r="C1067" s="103" t="s">
        <v>925</v>
      </c>
      <c r="D1067" s="103"/>
      <c r="E1067" s="46"/>
      <c r="F1067" s="106"/>
      <c r="G1067" s="109"/>
      <c r="H1067" s="110"/>
    </row>
    <row r="1068" spans="1:8" s="23" customFormat="1" ht="24.95" customHeight="1" x14ac:dyDescent="0.25">
      <c r="A1068" s="44" t="s">
        <v>44</v>
      </c>
      <c r="B1068" s="42" t="s">
        <v>922</v>
      </c>
      <c r="C1068" s="104"/>
      <c r="D1068" s="104"/>
      <c r="E1068" s="46"/>
      <c r="F1068" s="107"/>
      <c r="G1068" s="109"/>
      <c r="H1068" s="110"/>
    </row>
    <row r="1069" spans="1:8" s="23" customFormat="1" ht="24.95" customHeight="1" x14ac:dyDescent="0.25">
      <c r="A1069" s="44" t="s">
        <v>45</v>
      </c>
      <c r="B1069" s="42" t="s">
        <v>923</v>
      </c>
      <c r="C1069" s="104"/>
      <c r="D1069" s="104"/>
      <c r="E1069" s="46"/>
      <c r="F1069" s="107"/>
      <c r="G1069" s="109"/>
      <c r="H1069" s="110"/>
    </row>
    <row r="1070" spans="1:8" s="23" customFormat="1" ht="24.95" customHeight="1" x14ac:dyDescent="0.25">
      <c r="A1070" s="44" t="s">
        <v>46</v>
      </c>
      <c r="B1070" s="42" t="s">
        <v>927</v>
      </c>
      <c r="C1070" s="104"/>
      <c r="D1070" s="104"/>
      <c r="E1070" s="46"/>
      <c r="F1070" s="107"/>
      <c r="G1070" s="109"/>
      <c r="H1070" s="110"/>
    </row>
    <row r="1071" spans="1:8" s="23" customFormat="1" ht="24.95" customHeight="1" x14ac:dyDescent="0.25">
      <c r="A1071" s="44" t="s">
        <v>47</v>
      </c>
      <c r="B1071" s="42" t="s">
        <v>406</v>
      </c>
      <c r="C1071" s="104"/>
      <c r="D1071" s="104"/>
      <c r="E1071" s="46"/>
      <c r="F1071" s="107"/>
      <c r="G1071" s="109"/>
      <c r="H1071" s="110"/>
    </row>
    <row r="1072" spans="1:8" s="23" customFormat="1" ht="24.95" customHeight="1" x14ac:dyDescent="0.25">
      <c r="A1072" s="49" t="s">
        <v>214</v>
      </c>
      <c r="B1072" s="100" t="s">
        <v>928</v>
      </c>
      <c r="C1072" s="101"/>
      <c r="D1072" s="101"/>
      <c r="E1072" s="101"/>
      <c r="F1072" s="101"/>
      <c r="G1072" s="101"/>
      <c r="H1072" s="102"/>
    </row>
    <row r="1073" spans="1:8" s="23" customFormat="1" ht="24.95" customHeight="1" x14ac:dyDescent="0.25">
      <c r="A1073" s="44" t="s">
        <v>11</v>
      </c>
      <c r="B1073" s="42" t="s">
        <v>929</v>
      </c>
      <c r="C1073" s="103" t="s">
        <v>935</v>
      </c>
      <c r="D1073" s="103"/>
      <c r="E1073" s="46"/>
      <c r="F1073" s="106"/>
      <c r="G1073" s="109"/>
      <c r="H1073" s="110"/>
    </row>
    <row r="1074" spans="1:8" s="23" customFormat="1" ht="24.95" customHeight="1" x14ac:dyDescent="0.25">
      <c r="A1074" s="44" t="s">
        <v>44</v>
      </c>
      <c r="B1074" s="42" t="s">
        <v>930</v>
      </c>
      <c r="C1074" s="104"/>
      <c r="D1074" s="104"/>
      <c r="E1074" s="46"/>
      <c r="F1074" s="107"/>
      <c r="G1074" s="109"/>
      <c r="H1074" s="110"/>
    </row>
    <row r="1075" spans="1:8" s="23" customFormat="1" ht="24.95" customHeight="1" x14ac:dyDescent="0.25">
      <c r="A1075" s="44" t="s">
        <v>45</v>
      </c>
      <c r="B1075" s="42" t="s">
        <v>931</v>
      </c>
      <c r="C1075" s="104"/>
      <c r="D1075" s="104"/>
      <c r="E1075" s="46"/>
      <c r="F1075" s="107"/>
      <c r="G1075" s="109"/>
      <c r="H1075" s="110"/>
    </row>
    <row r="1076" spans="1:8" s="23" customFormat="1" ht="24.95" customHeight="1" x14ac:dyDescent="0.25">
      <c r="A1076" s="44" t="s">
        <v>46</v>
      </c>
      <c r="B1076" s="42" t="s">
        <v>932</v>
      </c>
      <c r="C1076" s="104"/>
      <c r="D1076" s="104"/>
      <c r="E1076" s="46"/>
      <c r="F1076" s="107"/>
      <c r="G1076" s="109"/>
      <c r="H1076" s="110"/>
    </row>
    <row r="1077" spans="1:8" s="23" customFormat="1" ht="24.95" customHeight="1" x14ac:dyDescent="0.25">
      <c r="A1077" s="44" t="s">
        <v>47</v>
      </c>
      <c r="B1077" s="42" t="s">
        <v>933</v>
      </c>
      <c r="C1077" s="104"/>
      <c r="D1077" s="104"/>
      <c r="E1077" s="46"/>
      <c r="F1077" s="107"/>
      <c r="G1077" s="109"/>
      <c r="H1077" s="110"/>
    </row>
    <row r="1078" spans="1:8" s="23" customFormat="1" ht="24.95" customHeight="1" x14ac:dyDescent="0.25">
      <c r="A1078" s="44" t="s">
        <v>48</v>
      </c>
      <c r="B1078" s="42" t="s">
        <v>934</v>
      </c>
      <c r="C1078" s="104"/>
      <c r="D1078" s="104"/>
      <c r="E1078" s="46"/>
      <c r="F1078" s="107"/>
      <c r="G1078" s="109"/>
      <c r="H1078" s="110"/>
    </row>
    <row r="1079" spans="1:8" s="23" customFormat="1" ht="24.95" customHeight="1" x14ac:dyDescent="0.25">
      <c r="A1079" s="44" t="s">
        <v>49</v>
      </c>
      <c r="B1079" s="42" t="s">
        <v>406</v>
      </c>
      <c r="C1079" s="104"/>
      <c r="D1079" s="104"/>
      <c r="E1079" s="46"/>
      <c r="F1079" s="107"/>
      <c r="G1079" s="109"/>
      <c r="H1079" s="110"/>
    </row>
    <row r="1080" spans="1:8" s="23" customFormat="1" ht="24.95" customHeight="1" x14ac:dyDescent="0.25">
      <c r="A1080" s="49" t="s">
        <v>215</v>
      </c>
      <c r="B1080" s="100" t="s">
        <v>381</v>
      </c>
      <c r="C1080" s="101"/>
      <c r="D1080" s="101"/>
      <c r="E1080" s="101"/>
      <c r="F1080" s="101"/>
      <c r="G1080" s="101"/>
      <c r="H1080" s="102"/>
    </row>
    <row r="1081" spans="1:8" s="23" customFormat="1" ht="24.95" customHeight="1" x14ac:dyDescent="0.25">
      <c r="A1081" s="44" t="s">
        <v>11</v>
      </c>
      <c r="B1081" s="42" t="s">
        <v>936</v>
      </c>
      <c r="C1081" s="103" t="s">
        <v>940</v>
      </c>
      <c r="D1081" s="103"/>
      <c r="E1081" s="46"/>
      <c r="F1081" s="106"/>
      <c r="G1081" s="109"/>
      <c r="H1081" s="110"/>
    </row>
    <row r="1082" spans="1:8" s="23" customFormat="1" ht="24.95" customHeight="1" x14ac:dyDescent="0.25">
      <c r="A1082" s="44" t="s">
        <v>44</v>
      </c>
      <c r="B1082" s="42" t="s">
        <v>937</v>
      </c>
      <c r="C1082" s="104"/>
      <c r="D1082" s="104"/>
      <c r="E1082" s="46"/>
      <c r="F1082" s="107"/>
      <c r="G1082" s="109"/>
      <c r="H1082" s="110"/>
    </row>
    <row r="1083" spans="1:8" s="23" customFormat="1" ht="24.95" customHeight="1" x14ac:dyDescent="0.25">
      <c r="A1083" s="44" t="s">
        <v>45</v>
      </c>
      <c r="B1083" s="42" t="s">
        <v>938</v>
      </c>
      <c r="C1083" s="104"/>
      <c r="D1083" s="104"/>
      <c r="E1083" s="46"/>
      <c r="F1083" s="107"/>
      <c r="G1083" s="109"/>
      <c r="H1083" s="110"/>
    </row>
    <row r="1084" spans="1:8" s="23" customFormat="1" ht="24.95" customHeight="1" x14ac:dyDescent="0.25">
      <c r="A1084" s="44" t="s">
        <v>46</v>
      </c>
      <c r="B1084" s="42" t="s">
        <v>939</v>
      </c>
      <c r="C1084" s="104"/>
      <c r="D1084" s="104"/>
      <c r="E1084" s="46"/>
      <c r="F1084" s="107"/>
      <c r="G1084" s="109"/>
      <c r="H1084" s="110"/>
    </row>
    <row r="1085" spans="1:8" s="23" customFormat="1" ht="24.95" customHeight="1" x14ac:dyDescent="0.25">
      <c r="A1085" s="44" t="s">
        <v>47</v>
      </c>
      <c r="B1085" s="42" t="s">
        <v>406</v>
      </c>
      <c r="C1085" s="104"/>
      <c r="D1085" s="104"/>
      <c r="E1085" s="46"/>
      <c r="F1085" s="107"/>
      <c r="G1085" s="109"/>
      <c r="H1085" s="110"/>
    </row>
    <row r="1086" spans="1:8" s="23" customFormat="1" ht="24.95" customHeight="1" x14ac:dyDescent="0.25">
      <c r="A1086" s="49" t="s">
        <v>216</v>
      </c>
      <c r="B1086" s="100" t="s">
        <v>382</v>
      </c>
      <c r="C1086" s="101"/>
      <c r="D1086" s="101"/>
      <c r="E1086" s="101"/>
      <c r="F1086" s="101"/>
      <c r="G1086" s="101"/>
      <c r="H1086" s="102"/>
    </row>
    <row r="1087" spans="1:8" s="23" customFormat="1" ht="24.95" customHeight="1" x14ac:dyDescent="0.25">
      <c r="A1087" s="44" t="s">
        <v>11</v>
      </c>
      <c r="B1087" s="42" t="s">
        <v>941</v>
      </c>
      <c r="C1087" s="103" t="s">
        <v>944</v>
      </c>
      <c r="D1087" s="103"/>
      <c r="E1087" s="46"/>
      <c r="F1087" s="106"/>
      <c r="G1087" s="109"/>
      <c r="H1087" s="110"/>
    </row>
    <row r="1088" spans="1:8" s="23" customFormat="1" ht="24.95" customHeight="1" x14ac:dyDescent="0.25">
      <c r="A1088" s="44" t="s">
        <v>44</v>
      </c>
      <c r="B1088" s="42" t="s">
        <v>930</v>
      </c>
      <c r="C1088" s="104"/>
      <c r="D1088" s="104"/>
      <c r="E1088" s="46"/>
      <c r="F1088" s="107"/>
      <c r="G1088" s="109"/>
      <c r="H1088" s="110"/>
    </row>
    <row r="1089" spans="1:8" s="23" customFormat="1" ht="24.95" customHeight="1" x14ac:dyDescent="0.25">
      <c r="A1089" s="44" t="s">
        <v>45</v>
      </c>
      <c r="B1089" s="42" t="s">
        <v>931</v>
      </c>
      <c r="C1089" s="104"/>
      <c r="D1089" s="104"/>
      <c r="E1089" s="46"/>
      <c r="F1089" s="107"/>
      <c r="G1089" s="109"/>
      <c r="H1089" s="110"/>
    </row>
    <row r="1090" spans="1:8" s="23" customFormat="1" ht="24.95" customHeight="1" x14ac:dyDescent="0.25">
      <c r="A1090" s="44" t="s">
        <v>46</v>
      </c>
      <c r="B1090" s="42" t="s">
        <v>942</v>
      </c>
      <c r="C1090" s="104"/>
      <c r="D1090" s="104"/>
      <c r="E1090" s="46"/>
      <c r="F1090" s="107"/>
      <c r="G1090" s="109"/>
      <c r="H1090" s="110"/>
    </row>
    <row r="1091" spans="1:8" s="23" customFormat="1" ht="24.95" customHeight="1" x14ac:dyDescent="0.25">
      <c r="A1091" s="44" t="s">
        <v>47</v>
      </c>
      <c r="B1091" s="42" t="s">
        <v>943</v>
      </c>
      <c r="C1091" s="104"/>
      <c r="D1091" s="104"/>
      <c r="E1091" s="46"/>
      <c r="F1091" s="107"/>
      <c r="G1091" s="109"/>
      <c r="H1091" s="110"/>
    </row>
    <row r="1092" spans="1:8" s="23" customFormat="1" ht="24.95" customHeight="1" x14ac:dyDescent="0.25">
      <c r="A1092" s="44" t="s">
        <v>48</v>
      </c>
      <c r="B1092" s="42" t="s">
        <v>406</v>
      </c>
      <c r="C1092" s="104"/>
      <c r="D1092" s="104"/>
      <c r="E1092" s="46"/>
      <c r="F1092" s="107"/>
      <c r="G1092" s="109"/>
      <c r="H1092" s="110"/>
    </row>
    <row r="1093" spans="1:8" s="23" customFormat="1" ht="24.95" customHeight="1" x14ac:dyDescent="0.25">
      <c r="A1093" s="49" t="s">
        <v>217</v>
      </c>
      <c r="B1093" s="100" t="s">
        <v>383</v>
      </c>
      <c r="C1093" s="101"/>
      <c r="D1093" s="101"/>
      <c r="E1093" s="101"/>
      <c r="F1093" s="101"/>
      <c r="G1093" s="101"/>
      <c r="H1093" s="102"/>
    </row>
    <row r="1094" spans="1:8" s="23" customFormat="1" ht="24.95" customHeight="1" x14ac:dyDescent="0.25">
      <c r="A1094" s="44" t="s">
        <v>11</v>
      </c>
      <c r="B1094" s="42" t="s">
        <v>945</v>
      </c>
      <c r="C1094" s="103" t="s">
        <v>952</v>
      </c>
      <c r="D1094" s="103"/>
      <c r="E1094" s="46"/>
      <c r="F1094" s="106"/>
      <c r="G1094" s="109"/>
      <c r="H1094" s="110"/>
    </row>
    <row r="1095" spans="1:8" s="23" customFormat="1" ht="24.95" customHeight="1" x14ac:dyDescent="0.25">
      <c r="A1095" s="44" t="s">
        <v>44</v>
      </c>
      <c r="B1095" s="42" t="s">
        <v>946</v>
      </c>
      <c r="C1095" s="104"/>
      <c r="D1095" s="104"/>
      <c r="E1095" s="46"/>
      <c r="F1095" s="107"/>
      <c r="G1095" s="109"/>
      <c r="H1095" s="110"/>
    </row>
    <row r="1096" spans="1:8" s="23" customFormat="1" ht="24.95" customHeight="1" x14ac:dyDescent="0.25">
      <c r="A1096" s="44" t="s">
        <v>45</v>
      </c>
      <c r="B1096" s="42" t="s">
        <v>947</v>
      </c>
      <c r="C1096" s="104"/>
      <c r="D1096" s="104"/>
      <c r="E1096" s="46"/>
      <c r="F1096" s="107"/>
      <c r="G1096" s="109"/>
      <c r="H1096" s="110"/>
    </row>
    <row r="1097" spans="1:8" s="23" customFormat="1" ht="24.95" customHeight="1" x14ac:dyDescent="0.25">
      <c r="A1097" s="44" t="s">
        <v>46</v>
      </c>
      <c r="B1097" s="42" t="s">
        <v>948</v>
      </c>
      <c r="C1097" s="104"/>
      <c r="D1097" s="104"/>
      <c r="E1097" s="46"/>
      <c r="F1097" s="107"/>
      <c r="G1097" s="109"/>
      <c r="H1097" s="110"/>
    </row>
    <row r="1098" spans="1:8" s="23" customFormat="1" ht="24.95" customHeight="1" x14ac:dyDescent="0.25">
      <c r="A1098" s="44" t="s">
        <v>47</v>
      </c>
      <c r="B1098" s="42" t="s">
        <v>949</v>
      </c>
      <c r="C1098" s="104"/>
      <c r="D1098" s="104"/>
      <c r="E1098" s="46"/>
      <c r="F1098" s="107"/>
      <c r="G1098" s="109"/>
      <c r="H1098" s="110"/>
    </row>
    <row r="1099" spans="1:8" s="23" customFormat="1" ht="24.95" customHeight="1" x14ac:dyDescent="0.25">
      <c r="A1099" s="44" t="s">
        <v>48</v>
      </c>
      <c r="B1099" s="42" t="s">
        <v>950</v>
      </c>
      <c r="C1099" s="104"/>
      <c r="D1099" s="104"/>
      <c r="E1099" s="46"/>
      <c r="F1099" s="107"/>
      <c r="G1099" s="109"/>
      <c r="H1099" s="110"/>
    </row>
    <row r="1100" spans="1:8" s="23" customFormat="1" ht="24.95" customHeight="1" x14ac:dyDescent="0.25">
      <c r="A1100" s="44" t="s">
        <v>49</v>
      </c>
      <c r="B1100" s="42" t="s">
        <v>951</v>
      </c>
      <c r="C1100" s="104"/>
      <c r="D1100" s="104"/>
      <c r="E1100" s="46"/>
      <c r="F1100" s="107"/>
      <c r="G1100" s="109"/>
      <c r="H1100" s="110"/>
    </row>
    <row r="1101" spans="1:8" s="23" customFormat="1" ht="24.95" customHeight="1" x14ac:dyDescent="0.25">
      <c r="A1101" s="44" t="s">
        <v>50</v>
      </c>
      <c r="B1101" s="42" t="s">
        <v>410</v>
      </c>
      <c r="C1101" s="104"/>
      <c r="D1101" s="104"/>
      <c r="E1101" s="46"/>
      <c r="F1101" s="107"/>
      <c r="G1101" s="109"/>
      <c r="H1101" s="110"/>
    </row>
    <row r="1102" spans="1:8" s="23" customFormat="1" ht="24.95" customHeight="1" x14ac:dyDescent="0.25">
      <c r="A1102" s="49" t="s">
        <v>218</v>
      </c>
      <c r="B1102" s="100" t="s">
        <v>384</v>
      </c>
      <c r="C1102" s="101"/>
      <c r="D1102" s="101"/>
      <c r="E1102" s="101"/>
      <c r="F1102" s="101"/>
      <c r="G1102" s="101"/>
      <c r="H1102" s="102"/>
    </row>
    <row r="1103" spans="1:8" s="23" customFormat="1" ht="24.95" customHeight="1" x14ac:dyDescent="0.25">
      <c r="A1103" s="44" t="s">
        <v>11</v>
      </c>
      <c r="B1103" s="42" t="s">
        <v>953</v>
      </c>
      <c r="C1103" s="103" t="s">
        <v>957</v>
      </c>
      <c r="D1103" s="103"/>
      <c r="E1103" s="46"/>
      <c r="F1103" s="106"/>
      <c r="G1103" s="109"/>
      <c r="H1103" s="110"/>
    </row>
    <row r="1104" spans="1:8" s="23" customFormat="1" ht="24.95" customHeight="1" x14ac:dyDescent="0.25">
      <c r="A1104" s="44" t="s">
        <v>44</v>
      </c>
      <c r="B1104" s="42" t="s">
        <v>946</v>
      </c>
      <c r="C1104" s="104"/>
      <c r="D1104" s="104"/>
      <c r="E1104" s="46"/>
      <c r="F1104" s="107"/>
      <c r="G1104" s="109"/>
      <c r="H1104" s="110"/>
    </row>
    <row r="1105" spans="1:8" s="23" customFormat="1" ht="24.95" customHeight="1" x14ac:dyDescent="0.25">
      <c r="A1105" s="44" t="s">
        <v>45</v>
      </c>
      <c r="B1105" s="42" t="s">
        <v>954</v>
      </c>
      <c r="C1105" s="104"/>
      <c r="D1105" s="104"/>
      <c r="E1105" s="46"/>
      <c r="F1105" s="107"/>
      <c r="G1105" s="109"/>
      <c r="H1105" s="110"/>
    </row>
    <row r="1106" spans="1:8" s="23" customFormat="1" ht="24.95" customHeight="1" x14ac:dyDescent="0.25">
      <c r="A1106" s="44" t="s">
        <v>46</v>
      </c>
      <c r="B1106" s="42" t="s">
        <v>955</v>
      </c>
      <c r="C1106" s="104"/>
      <c r="D1106" s="104"/>
      <c r="E1106" s="46"/>
      <c r="F1106" s="107"/>
      <c r="G1106" s="109"/>
      <c r="H1106" s="110"/>
    </row>
    <row r="1107" spans="1:8" s="23" customFormat="1" ht="24.95" customHeight="1" x14ac:dyDescent="0.25">
      <c r="A1107" s="44" t="s">
        <v>47</v>
      </c>
      <c r="B1107" s="42" t="s">
        <v>949</v>
      </c>
      <c r="C1107" s="104"/>
      <c r="D1107" s="104"/>
      <c r="E1107" s="46"/>
      <c r="F1107" s="107"/>
      <c r="G1107" s="109"/>
      <c r="H1107" s="110"/>
    </row>
    <row r="1108" spans="1:8" s="23" customFormat="1" ht="24.95" customHeight="1" x14ac:dyDescent="0.25">
      <c r="A1108" s="44" t="s">
        <v>48</v>
      </c>
      <c r="B1108" s="42" t="s">
        <v>950</v>
      </c>
      <c r="C1108" s="104"/>
      <c r="D1108" s="104"/>
      <c r="E1108" s="46"/>
      <c r="F1108" s="107"/>
      <c r="G1108" s="109"/>
      <c r="H1108" s="110"/>
    </row>
    <row r="1109" spans="1:8" s="23" customFormat="1" ht="24.95" customHeight="1" x14ac:dyDescent="0.25">
      <c r="A1109" s="44" t="s">
        <v>49</v>
      </c>
      <c r="B1109" s="42" t="s">
        <v>956</v>
      </c>
      <c r="C1109" s="104"/>
      <c r="D1109" s="104"/>
      <c r="E1109" s="46"/>
      <c r="F1109" s="107"/>
      <c r="G1109" s="109"/>
      <c r="H1109" s="110"/>
    </row>
    <row r="1110" spans="1:8" s="23" customFormat="1" ht="24.95" customHeight="1" x14ac:dyDescent="0.25">
      <c r="A1110" s="44" t="s">
        <v>50</v>
      </c>
      <c r="B1110" s="42" t="s">
        <v>410</v>
      </c>
      <c r="C1110" s="104"/>
      <c r="D1110" s="104"/>
      <c r="E1110" s="46"/>
      <c r="F1110" s="107"/>
      <c r="G1110" s="109"/>
      <c r="H1110" s="110"/>
    </row>
    <row r="1111" spans="1:8" s="23" customFormat="1" ht="24.95" customHeight="1" x14ac:dyDescent="0.25">
      <c r="A1111" s="49" t="s">
        <v>219</v>
      </c>
      <c r="B1111" s="100" t="s">
        <v>385</v>
      </c>
      <c r="C1111" s="101"/>
      <c r="D1111" s="101"/>
      <c r="E1111" s="101"/>
      <c r="F1111" s="101"/>
      <c r="G1111" s="101"/>
      <c r="H1111" s="102"/>
    </row>
    <row r="1112" spans="1:8" s="23" customFormat="1" ht="24.95" customHeight="1" x14ac:dyDescent="0.25">
      <c r="A1112" s="44" t="s">
        <v>11</v>
      </c>
      <c r="B1112" s="42" t="s">
        <v>958</v>
      </c>
      <c r="C1112" s="103" t="s">
        <v>959</v>
      </c>
      <c r="D1112" s="103"/>
      <c r="E1112" s="46"/>
      <c r="F1112" s="106"/>
      <c r="G1112" s="109"/>
      <c r="H1112" s="110"/>
    </row>
    <row r="1113" spans="1:8" s="23" customFormat="1" ht="24.95" customHeight="1" x14ac:dyDescent="0.25">
      <c r="A1113" s="44" t="s">
        <v>44</v>
      </c>
      <c r="B1113" s="42" t="s">
        <v>946</v>
      </c>
      <c r="C1113" s="104"/>
      <c r="D1113" s="104"/>
      <c r="E1113" s="46"/>
      <c r="F1113" s="107"/>
      <c r="G1113" s="109"/>
      <c r="H1113" s="110"/>
    </row>
    <row r="1114" spans="1:8" s="23" customFormat="1" ht="24.95" customHeight="1" x14ac:dyDescent="0.25">
      <c r="A1114" s="44" t="s">
        <v>45</v>
      </c>
      <c r="B1114" s="42" t="s">
        <v>954</v>
      </c>
      <c r="C1114" s="104"/>
      <c r="D1114" s="104"/>
      <c r="E1114" s="46"/>
      <c r="F1114" s="107"/>
      <c r="G1114" s="109"/>
      <c r="H1114" s="110"/>
    </row>
    <row r="1115" spans="1:8" s="23" customFormat="1" ht="24.95" customHeight="1" x14ac:dyDescent="0.25">
      <c r="A1115" s="44" t="s">
        <v>46</v>
      </c>
      <c r="B1115" s="42" t="s">
        <v>955</v>
      </c>
      <c r="C1115" s="104"/>
      <c r="D1115" s="104"/>
      <c r="E1115" s="46"/>
      <c r="F1115" s="107"/>
      <c r="G1115" s="109"/>
      <c r="H1115" s="110"/>
    </row>
    <row r="1116" spans="1:8" s="23" customFormat="1" ht="24.95" customHeight="1" x14ac:dyDescent="0.25">
      <c r="A1116" s="44" t="s">
        <v>47</v>
      </c>
      <c r="B1116" s="42" t="s">
        <v>949</v>
      </c>
      <c r="C1116" s="104"/>
      <c r="D1116" s="104"/>
      <c r="E1116" s="46"/>
      <c r="F1116" s="107"/>
      <c r="G1116" s="109"/>
      <c r="H1116" s="110"/>
    </row>
    <row r="1117" spans="1:8" s="23" customFormat="1" ht="24.95" customHeight="1" x14ac:dyDescent="0.25">
      <c r="A1117" s="44" t="s">
        <v>48</v>
      </c>
      <c r="B1117" s="42" t="s">
        <v>950</v>
      </c>
      <c r="C1117" s="104"/>
      <c r="D1117" s="104"/>
      <c r="E1117" s="46"/>
      <c r="F1117" s="107"/>
      <c r="G1117" s="109"/>
      <c r="H1117" s="110"/>
    </row>
    <row r="1118" spans="1:8" s="23" customFormat="1" ht="24.95" customHeight="1" x14ac:dyDescent="0.25">
      <c r="A1118" s="44" t="s">
        <v>49</v>
      </c>
      <c r="B1118" s="42" t="s">
        <v>951</v>
      </c>
      <c r="C1118" s="104"/>
      <c r="D1118" s="104"/>
      <c r="E1118" s="46"/>
      <c r="F1118" s="107"/>
      <c r="G1118" s="109"/>
      <c r="H1118" s="110"/>
    </row>
    <row r="1119" spans="1:8" s="23" customFormat="1" ht="24.95" customHeight="1" x14ac:dyDescent="0.25">
      <c r="A1119" s="44" t="s">
        <v>50</v>
      </c>
      <c r="B1119" s="42" t="s">
        <v>410</v>
      </c>
      <c r="C1119" s="104"/>
      <c r="D1119" s="104"/>
      <c r="E1119" s="46"/>
      <c r="F1119" s="107"/>
      <c r="G1119" s="109"/>
      <c r="H1119" s="110"/>
    </row>
    <row r="1120" spans="1:8" s="23" customFormat="1" ht="24.95" customHeight="1" x14ac:dyDescent="0.25">
      <c r="A1120" s="49" t="s">
        <v>220</v>
      </c>
      <c r="B1120" s="100" t="s">
        <v>386</v>
      </c>
      <c r="C1120" s="101"/>
      <c r="D1120" s="101"/>
      <c r="E1120" s="101"/>
      <c r="F1120" s="101"/>
      <c r="G1120" s="101"/>
      <c r="H1120" s="102"/>
    </row>
    <row r="1121" spans="1:8" s="23" customFormat="1" ht="24.95" customHeight="1" x14ac:dyDescent="0.25">
      <c r="A1121" s="44" t="s">
        <v>11</v>
      </c>
      <c r="B1121" s="42" t="s">
        <v>960</v>
      </c>
      <c r="C1121" s="103" t="s">
        <v>965</v>
      </c>
      <c r="D1121" s="103"/>
      <c r="E1121" s="46"/>
      <c r="F1121" s="106"/>
      <c r="G1121" s="109"/>
      <c r="H1121" s="110"/>
    </row>
    <row r="1122" spans="1:8" s="23" customFormat="1" ht="24.95" customHeight="1" x14ac:dyDescent="0.25">
      <c r="A1122" s="44" t="s">
        <v>44</v>
      </c>
      <c r="B1122" s="42" t="s">
        <v>961</v>
      </c>
      <c r="C1122" s="104"/>
      <c r="D1122" s="104"/>
      <c r="E1122" s="46"/>
      <c r="F1122" s="107"/>
      <c r="G1122" s="109"/>
      <c r="H1122" s="110"/>
    </row>
    <row r="1123" spans="1:8" s="23" customFormat="1" ht="24.95" customHeight="1" x14ac:dyDescent="0.25">
      <c r="A1123" s="44" t="s">
        <v>45</v>
      </c>
      <c r="B1123" s="42" t="s">
        <v>962</v>
      </c>
      <c r="C1123" s="104"/>
      <c r="D1123" s="104"/>
      <c r="E1123" s="46"/>
      <c r="F1123" s="107"/>
      <c r="G1123" s="109"/>
      <c r="H1123" s="110"/>
    </row>
    <row r="1124" spans="1:8" s="23" customFormat="1" ht="24.95" customHeight="1" x14ac:dyDescent="0.25">
      <c r="A1124" s="44" t="s">
        <v>46</v>
      </c>
      <c r="B1124" s="42" t="s">
        <v>963</v>
      </c>
      <c r="C1124" s="104"/>
      <c r="D1124" s="104"/>
      <c r="E1124" s="46"/>
      <c r="F1124" s="107"/>
      <c r="G1124" s="109"/>
      <c r="H1124" s="110"/>
    </row>
    <row r="1125" spans="1:8" s="23" customFormat="1" ht="24.95" customHeight="1" x14ac:dyDescent="0.25">
      <c r="A1125" s="44" t="s">
        <v>47</v>
      </c>
      <c r="B1125" s="42" t="s">
        <v>964</v>
      </c>
      <c r="C1125" s="104"/>
      <c r="D1125" s="104"/>
      <c r="E1125" s="46"/>
      <c r="F1125" s="107"/>
      <c r="G1125" s="109"/>
      <c r="H1125" s="110"/>
    </row>
    <row r="1126" spans="1:8" s="23" customFormat="1" ht="24.95" customHeight="1" x14ac:dyDescent="0.25">
      <c r="A1126" s="44" t="s">
        <v>48</v>
      </c>
      <c r="B1126" s="42" t="s">
        <v>406</v>
      </c>
      <c r="C1126" s="104"/>
      <c r="D1126" s="104"/>
      <c r="E1126" s="46"/>
      <c r="F1126" s="107"/>
      <c r="G1126" s="109"/>
      <c r="H1126" s="110"/>
    </row>
    <row r="1127" spans="1:8" s="23" customFormat="1" ht="24.95" customHeight="1" x14ac:dyDescent="0.25">
      <c r="A1127" s="49" t="s">
        <v>221</v>
      </c>
      <c r="B1127" s="100" t="s">
        <v>387</v>
      </c>
      <c r="C1127" s="101"/>
      <c r="D1127" s="101"/>
      <c r="E1127" s="101"/>
      <c r="F1127" s="101"/>
      <c r="G1127" s="101"/>
      <c r="H1127" s="102"/>
    </row>
    <row r="1128" spans="1:8" s="23" customFormat="1" ht="24.95" customHeight="1" x14ac:dyDescent="0.25">
      <c r="A1128" s="44" t="s">
        <v>11</v>
      </c>
      <c r="B1128" s="42" t="s">
        <v>402</v>
      </c>
      <c r="C1128" s="103" t="s">
        <v>965</v>
      </c>
      <c r="D1128" s="103"/>
      <c r="E1128" s="46"/>
      <c r="F1128" s="106"/>
      <c r="G1128" s="109"/>
      <c r="H1128" s="110"/>
    </row>
    <row r="1129" spans="1:8" s="23" customFormat="1" ht="24.95" customHeight="1" x14ac:dyDescent="0.25">
      <c r="A1129" s="44" t="s">
        <v>44</v>
      </c>
      <c r="B1129" s="42" t="s">
        <v>961</v>
      </c>
      <c r="C1129" s="104"/>
      <c r="D1129" s="104"/>
      <c r="E1129" s="46"/>
      <c r="F1129" s="107"/>
      <c r="G1129" s="109"/>
      <c r="H1129" s="110"/>
    </row>
    <row r="1130" spans="1:8" s="23" customFormat="1" ht="24.95" customHeight="1" x14ac:dyDescent="0.25">
      <c r="A1130" s="44" t="s">
        <v>45</v>
      </c>
      <c r="B1130" s="42" t="s">
        <v>962</v>
      </c>
      <c r="C1130" s="104"/>
      <c r="D1130" s="104"/>
      <c r="E1130" s="46"/>
      <c r="F1130" s="107"/>
      <c r="G1130" s="109"/>
      <c r="H1130" s="110"/>
    </row>
    <row r="1131" spans="1:8" s="23" customFormat="1" ht="24.95" customHeight="1" x14ac:dyDescent="0.25">
      <c r="A1131" s="44" t="s">
        <v>46</v>
      </c>
      <c r="B1131" s="42" t="s">
        <v>963</v>
      </c>
      <c r="C1131" s="104"/>
      <c r="D1131" s="104"/>
      <c r="E1131" s="46"/>
      <c r="F1131" s="107"/>
      <c r="G1131" s="109"/>
      <c r="H1131" s="110"/>
    </row>
    <row r="1132" spans="1:8" s="23" customFormat="1" ht="24.95" customHeight="1" x14ac:dyDescent="0.25">
      <c r="A1132" s="44" t="s">
        <v>47</v>
      </c>
      <c r="B1132" s="42" t="s">
        <v>964</v>
      </c>
      <c r="C1132" s="104"/>
      <c r="D1132" s="104"/>
      <c r="E1132" s="46"/>
      <c r="F1132" s="107"/>
      <c r="G1132" s="109"/>
      <c r="H1132" s="110"/>
    </row>
    <row r="1133" spans="1:8" s="23" customFormat="1" ht="24.95" customHeight="1" x14ac:dyDescent="0.25">
      <c r="A1133" s="44" t="s">
        <v>48</v>
      </c>
      <c r="B1133" s="42" t="s">
        <v>406</v>
      </c>
      <c r="C1133" s="104"/>
      <c r="D1133" s="104"/>
      <c r="E1133" s="46"/>
      <c r="F1133" s="107"/>
      <c r="G1133" s="109"/>
      <c r="H1133" s="110"/>
    </row>
    <row r="1134" spans="1:8" s="23" customFormat="1" ht="24.95" customHeight="1" x14ac:dyDescent="0.25">
      <c r="A1134" s="49" t="s">
        <v>222</v>
      </c>
      <c r="B1134" s="100" t="s">
        <v>388</v>
      </c>
      <c r="C1134" s="101"/>
      <c r="D1134" s="101"/>
      <c r="E1134" s="101"/>
      <c r="F1134" s="101"/>
      <c r="G1134" s="101"/>
      <c r="H1134" s="102"/>
    </row>
    <row r="1135" spans="1:8" s="23" customFormat="1" ht="24.95" customHeight="1" x14ac:dyDescent="0.25">
      <c r="A1135" s="44" t="s">
        <v>11</v>
      </c>
      <c r="B1135" s="42" t="s">
        <v>402</v>
      </c>
      <c r="C1135" s="103" t="s">
        <v>753</v>
      </c>
      <c r="D1135" s="103"/>
      <c r="E1135" s="46"/>
      <c r="F1135" s="106"/>
      <c r="G1135" s="109"/>
      <c r="H1135" s="110"/>
    </row>
    <row r="1136" spans="1:8" s="23" customFormat="1" ht="24.95" customHeight="1" x14ac:dyDescent="0.25">
      <c r="A1136" s="44" t="s">
        <v>44</v>
      </c>
      <c r="B1136" s="42" t="s">
        <v>966</v>
      </c>
      <c r="C1136" s="104"/>
      <c r="D1136" s="104"/>
      <c r="E1136" s="46"/>
      <c r="F1136" s="107"/>
      <c r="G1136" s="109"/>
      <c r="H1136" s="110"/>
    </row>
    <row r="1137" spans="1:8" s="23" customFormat="1" ht="24.95" customHeight="1" x14ac:dyDescent="0.25">
      <c r="A1137" s="44" t="s">
        <v>45</v>
      </c>
      <c r="B1137" s="42" t="s">
        <v>967</v>
      </c>
      <c r="C1137" s="104"/>
      <c r="D1137" s="104"/>
      <c r="E1137" s="46"/>
      <c r="F1137" s="107"/>
      <c r="G1137" s="109"/>
      <c r="H1137" s="110"/>
    </row>
    <row r="1138" spans="1:8" s="23" customFormat="1" ht="24.95" customHeight="1" x14ac:dyDescent="0.25">
      <c r="A1138" s="44" t="s">
        <v>46</v>
      </c>
      <c r="B1138" s="42" t="s">
        <v>416</v>
      </c>
      <c r="C1138" s="104"/>
      <c r="D1138" s="104"/>
      <c r="E1138" s="46"/>
      <c r="F1138" s="107"/>
      <c r="G1138" s="109"/>
      <c r="H1138" s="110"/>
    </row>
    <row r="1139" spans="1:8" s="23" customFormat="1" ht="24.95" customHeight="1" x14ac:dyDescent="0.25">
      <c r="A1139" s="44" t="s">
        <v>47</v>
      </c>
      <c r="B1139" s="42" t="s">
        <v>406</v>
      </c>
      <c r="C1139" s="104"/>
      <c r="D1139" s="104"/>
      <c r="E1139" s="46"/>
      <c r="F1139" s="107"/>
      <c r="G1139" s="109"/>
      <c r="H1139" s="110"/>
    </row>
    <row r="1140" spans="1:8" s="23" customFormat="1" ht="24.95" customHeight="1" x14ac:dyDescent="0.25">
      <c r="A1140" s="49" t="s">
        <v>223</v>
      </c>
      <c r="B1140" s="100" t="s">
        <v>389</v>
      </c>
      <c r="C1140" s="101"/>
      <c r="D1140" s="101"/>
      <c r="E1140" s="101"/>
      <c r="F1140" s="101"/>
      <c r="G1140" s="101"/>
      <c r="H1140" s="102"/>
    </row>
    <row r="1141" spans="1:8" s="23" customFormat="1" ht="24.95" customHeight="1" x14ac:dyDescent="0.25">
      <c r="A1141" s="44" t="s">
        <v>11</v>
      </c>
      <c r="B1141" s="42" t="s">
        <v>402</v>
      </c>
      <c r="C1141" s="103" t="s">
        <v>753</v>
      </c>
      <c r="D1141" s="103"/>
      <c r="E1141" s="46"/>
      <c r="F1141" s="106"/>
      <c r="G1141" s="109"/>
      <c r="H1141" s="110"/>
    </row>
    <row r="1142" spans="1:8" s="23" customFormat="1" ht="24.95" customHeight="1" x14ac:dyDescent="0.25">
      <c r="A1142" s="44" t="s">
        <v>44</v>
      </c>
      <c r="B1142" s="42" t="s">
        <v>968</v>
      </c>
      <c r="C1142" s="104"/>
      <c r="D1142" s="104"/>
      <c r="E1142" s="46"/>
      <c r="F1142" s="107"/>
      <c r="G1142" s="109"/>
      <c r="H1142" s="110"/>
    </row>
    <row r="1143" spans="1:8" s="23" customFormat="1" ht="24.95" customHeight="1" x14ac:dyDescent="0.25">
      <c r="A1143" s="44" t="s">
        <v>45</v>
      </c>
      <c r="B1143" s="42" t="s">
        <v>969</v>
      </c>
      <c r="C1143" s="104"/>
      <c r="D1143" s="104"/>
      <c r="E1143" s="46"/>
      <c r="F1143" s="107"/>
      <c r="G1143" s="109"/>
      <c r="H1143" s="110"/>
    </row>
    <row r="1144" spans="1:8" s="23" customFormat="1" ht="24.95" customHeight="1" x14ac:dyDescent="0.25">
      <c r="A1144" s="44" t="s">
        <v>46</v>
      </c>
      <c r="B1144" s="42" t="s">
        <v>416</v>
      </c>
      <c r="C1144" s="104"/>
      <c r="D1144" s="104"/>
      <c r="E1144" s="46"/>
      <c r="F1144" s="107"/>
      <c r="G1144" s="109"/>
      <c r="H1144" s="110"/>
    </row>
    <row r="1145" spans="1:8" s="23" customFormat="1" ht="24.95" customHeight="1" x14ac:dyDescent="0.25">
      <c r="A1145" s="49" t="s">
        <v>224</v>
      </c>
      <c r="B1145" s="100" t="s">
        <v>390</v>
      </c>
      <c r="C1145" s="101"/>
      <c r="D1145" s="101"/>
      <c r="E1145" s="101"/>
      <c r="F1145" s="101"/>
      <c r="G1145" s="101"/>
      <c r="H1145" s="102"/>
    </row>
    <row r="1146" spans="1:8" s="23" customFormat="1" ht="24.95" customHeight="1" x14ac:dyDescent="0.25">
      <c r="A1146" s="44" t="s">
        <v>11</v>
      </c>
      <c r="B1146" s="42" t="s">
        <v>970</v>
      </c>
      <c r="C1146" s="103" t="s">
        <v>753</v>
      </c>
      <c r="D1146" s="103"/>
      <c r="E1146" s="46"/>
      <c r="F1146" s="106"/>
      <c r="G1146" s="109"/>
      <c r="H1146" s="110"/>
    </row>
    <row r="1147" spans="1:8" s="23" customFormat="1" ht="24.95" customHeight="1" x14ac:dyDescent="0.25">
      <c r="A1147" s="44" t="s">
        <v>44</v>
      </c>
      <c r="B1147" s="42" t="s">
        <v>971</v>
      </c>
      <c r="C1147" s="104"/>
      <c r="D1147" s="104"/>
      <c r="E1147" s="46"/>
      <c r="F1147" s="107"/>
      <c r="G1147" s="109"/>
      <c r="H1147" s="110"/>
    </row>
    <row r="1148" spans="1:8" s="23" customFormat="1" ht="24.95" customHeight="1" x14ac:dyDescent="0.25">
      <c r="A1148" s="44" t="s">
        <v>45</v>
      </c>
      <c r="B1148" s="42" t="s">
        <v>972</v>
      </c>
      <c r="C1148" s="104"/>
      <c r="D1148" s="104"/>
      <c r="E1148" s="46"/>
      <c r="F1148" s="107"/>
      <c r="G1148" s="109"/>
      <c r="H1148" s="110"/>
    </row>
    <row r="1149" spans="1:8" s="23" customFormat="1" ht="24.95" customHeight="1" x14ac:dyDescent="0.25">
      <c r="A1149" s="44" t="s">
        <v>46</v>
      </c>
      <c r="B1149" s="42" t="s">
        <v>973</v>
      </c>
      <c r="C1149" s="104"/>
      <c r="D1149" s="104"/>
      <c r="E1149" s="46"/>
      <c r="F1149" s="107"/>
      <c r="G1149" s="109"/>
      <c r="H1149" s="110"/>
    </row>
    <row r="1150" spans="1:8" s="23" customFormat="1" ht="24.95" customHeight="1" x14ac:dyDescent="0.25">
      <c r="A1150" s="44" t="s">
        <v>47</v>
      </c>
      <c r="B1150" s="42" t="s">
        <v>974</v>
      </c>
      <c r="C1150" s="104"/>
      <c r="D1150" s="104"/>
      <c r="E1150" s="46"/>
      <c r="F1150" s="107"/>
      <c r="G1150" s="109"/>
      <c r="H1150" s="110"/>
    </row>
    <row r="1151" spans="1:8" s="23" customFormat="1" ht="24.95" customHeight="1" x14ac:dyDescent="0.25">
      <c r="A1151" s="44" t="s">
        <v>48</v>
      </c>
      <c r="B1151" s="42" t="s">
        <v>975</v>
      </c>
      <c r="C1151" s="104"/>
      <c r="D1151" s="104"/>
      <c r="E1151" s="46"/>
      <c r="F1151" s="107"/>
      <c r="G1151" s="109"/>
      <c r="H1151" s="110"/>
    </row>
    <row r="1152" spans="1:8" s="23" customFormat="1" ht="24.95" customHeight="1" x14ac:dyDescent="0.25">
      <c r="A1152" s="44" t="s">
        <v>49</v>
      </c>
      <c r="B1152" s="42" t="s">
        <v>976</v>
      </c>
      <c r="C1152" s="104"/>
      <c r="D1152" s="104"/>
      <c r="E1152" s="46"/>
      <c r="F1152" s="107"/>
      <c r="G1152" s="109"/>
      <c r="H1152" s="110"/>
    </row>
    <row r="1153" spans="1:8" s="23" customFormat="1" ht="24.95" customHeight="1" x14ac:dyDescent="0.25">
      <c r="A1153" s="44" t="s">
        <v>50</v>
      </c>
      <c r="B1153" s="42" t="s">
        <v>416</v>
      </c>
      <c r="C1153" s="104"/>
      <c r="D1153" s="104"/>
      <c r="E1153" s="46"/>
      <c r="F1153" s="107"/>
      <c r="G1153" s="109"/>
      <c r="H1153" s="110"/>
    </row>
    <row r="1154" spans="1:8" s="23" customFormat="1" ht="24.95" customHeight="1" x14ac:dyDescent="0.25">
      <c r="A1154" s="44" t="s">
        <v>51</v>
      </c>
      <c r="B1154" s="42" t="s">
        <v>406</v>
      </c>
      <c r="C1154" s="104"/>
      <c r="D1154" s="104"/>
      <c r="E1154" s="46"/>
      <c r="F1154" s="107"/>
      <c r="G1154" s="109"/>
      <c r="H1154" s="110"/>
    </row>
    <row r="1155" spans="1:8" s="23" customFormat="1" ht="24.95" customHeight="1" x14ac:dyDescent="0.25">
      <c r="A1155" s="49" t="s">
        <v>225</v>
      </c>
      <c r="B1155" s="100" t="s">
        <v>391</v>
      </c>
      <c r="C1155" s="101"/>
      <c r="D1155" s="101"/>
      <c r="E1155" s="101"/>
      <c r="F1155" s="101"/>
      <c r="G1155" s="101"/>
      <c r="H1155" s="102"/>
    </row>
    <row r="1156" spans="1:8" s="23" customFormat="1" ht="24.95" customHeight="1" x14ac:dyDescent="0.25">
      <c r="A1156" s="44" t="s">
        <v>11</v>
      </c>
      <c r="B1156" s="42" t="s">
        <v>402</v>
      </c>
      <c r="C1156" s="103" t="s">
        <v>980</v>
      </c>
      <c r="D1156" s="103"/>
      <c r="E1156" s="46"/>
      <c r="F1156" s="106"/>
      <c r="G1156" s="109"/>
      <c r="H1156" s="110"/>
    </row>
    <row r="1157" spans="1:8" s="23" customFormat="1" ht="24.95" customHeight="1" x14ac:dyDescent="0.25">
      <c r="A1157" s="44" t="s">
        <v>44</v>
      </c>
      <c r="B1157" s="42" t="s">
        <v>977</v>
      </c>
      <c r="C1157" s="104"/>
      <c r="D1157" s="104"/>
      <c r="E1157" s="46"/>
      <c r="F1157" s="107"/>
      <c r="G1157" s="109"/>
      <c r="H1157" s="110"/>
    </row>
    <row r="1158" spans="1:8" s="23" customFormat="1" ht="24.95" customHeight="1" x14ac:dyDescent="0.25">
      <c r="A1158" s="44" t="s">
        <v>45</v>
      </c>
      <c r="B1158" s="42" t="s">
        <v>978</v>
      </c>
      <c r="C1158" s="104"/>
      <c r="D1158" s="104"/>
      <c r="E1158" s="46"/>
      <c r="F1158" s="107"/>
      <c r="G1158" s="109"/>
      <c r="H1158" s="110"/>
    </row>
    <row r="1159" spans="1:8" s="23" customFormat="1" ht="24.95" customHeight="1" x14ac:dyDescent="0.25">
      <c r="A1159" s="44" t="s">
        <v>46</v>
      </c>
      <c r="B1159" s="42" t="s">
        <v>979</v>
      </c>
      <c r="C1159" s="104"/>
      <c r="D1159" s="104"/>
      <c r="E1159" s="46"/>
      <c r="F1159" s="107"/>
      <c r="G1159" s="109"/>
      <c r="H1159" s="110"/>
    </row>
    <row r="1160" spans="1:8" s="23" customFormat="1" ht="24.95" customHeight="1" x14ac:dyDescent="0.25">
      <c r="A1160" s="44" t="s">
        <v>47</v>
      </c>
      <c r="B1160" s="42" t="s">
        <v>406</v>
      </c>
      <c r="C1160" s="104"/>
      <c r="D1160" s="104"/>
      <c r="E1160" s="46"/>
      <c r="F1160" s="107"/>
      <c r="G1160" s="109"/>
      <c r="H1160" s="110"/>
    </row>
    <row r="1161" spans="1:8" s="23" customFormat="1" ht="24.95" customHeight="1" x14ac:dyDescent="0.25">
      <c r="A1161" s="49" t="s">
        <v>226</v>
      </c>
      <c r="B1161" s="100" t="s">
        <v>392</v>
      </c>
      <c r="C1161" s="101"/>
      <c r="D1161" s="101"/>
      <c r="E1161" s="101"/>
      <c r="F1161" s="101"/>
      <c r="G1161" s="101"/>
      <c r="H1161" s="102"/>
    </row>
    <row r="1162" spans="1:8" s="23" customFormat="1" ht="24.95" customHeight="1" x14ac:dyDescent="0.25">
      <c r="A1162" s="44" t="s">
        <v>11</v>
      </c>
      <c r="B1162" s="42" t="s">
        <v>402</v>
      </c>
      <c r="C1162" s="103" t="s">
        <v>982</v>
      </c>
      <c r="D1162" s="103"/>
      <c r="E1162" s="46"/>
      <c r="F1162" s="106"/>
      <c r="G1162" s="109"/>
      <c r="H1162" s="110"/>
    </row>
    <row r="1163" spans="1:8" s="23" customFormat="1" ht="24.95" customHeight="1" x14ac:dyDescent="0.25">
      <c r="A1163" s="44" t="s">
        <v>44</v>
      </c>
      <c r="B1163" s="42" t="s">
        <v>977</v>
      </c>
      <c r="C1163" s="104"/>
      <c r="D1163" s="104"/>
      <c r="E1163" s="46"/>
      <c r="F1163" s="107"/>
      <c r="G1163" s="109"/>
      <c r="H1163" s="110"/>
    </row>
    <row r="1164" spans="1:8" s="23" customFormat="1" ht="24.95" customHeight="1" x14ac:dyDescent="0.25">
      <c r="A1164" s="44" t="s">
        <v>45</v>
      </c>
      <c r="B1164" s="42" t="s">
        <v>978</v>
      </c>
      <c r="C1164" s="104"/>
      <c r="D1164" s="104"/>
      <c r="E1164" s="46"/>
      <c r="F1164" s="107"/>
      <c r="G1164" s="109"/>
      <c r="H1164" s="110"/>
    </row>
    <row r="1165" spans="1:8" s="23" customFormat="1" ht="24.95" customHeight="1" x14ac:dyDescent="0.25">
      <c r="A1165" s="44" t="s">
        <v>46</v>
      </c>
      <c r="B1165" s="42" t="s">
        <v>981</v>
      </c>
      <c r="C1165" s="104"/>
      <c r="D1165" s="104"/>
      <c r="E1165" s="46"/>
      <c r="F1165" s="107"/>
      <c r="G1165" s="109"/>
      <c r="H1165" s="110"/>
    </row>
    <row r="1166" spans="1:8" s="23" customFormat="1" ht="24.95" customHeight="1" x14ac:dyDescent="0.25">
      <c r="A1166" s="44" t="s">
        <v>47</v>
      </c>
      <c r="B1166" s="42" t="s">
        <v>406</v>
      </c>
      <c r="C1166" s="104"/>
      <c r="D1166" s="104"/>
      <c r="E1166" s="46"/>
      <c r="F1166" s="107"/>
      <c r="G1166" s="109"/>
      <c r="H1166" s="110"/>
    </row>
    <row r="1167" spans="1:8" s="23" customFormat="1" ht="24.95" customHeight="1" x14ac:dyDescent="0.25">
      <c r="A1167" s="49" t="s">
        <v>227</v>
      </c>
      <c r="B1167" s="100" t="s">
        <v>393</v>
      </c>
      <c r="C1167" s="101"/>
      <c r="D1167" s="101"/>
      <c r="E1167" s="101"/>
      <c r="F1167" s="101"/>
      <c r="G1167" s="101"/>
      <c r="H1167" s="102"/>
    </row>
    <row r="1168" spans="1:8" s="23" customFormat="1" ht="24.95" customHeight="1" x14ac:dyDescent="0.25">
      <c r="A1168" s="44" t="s">
        <v>11</v>
      </c>
      <c r="B1168" s="42" t="s">
        <v>402</v>
      </c>
      <c r="C1168" s="103" t="s">
        <v>984</v>
      </c>
      <c r="D1168" s="103"/>
      <c r="E1168" s="46"/>
      <c r="F1168" s="106"/>
      <c r="G1168" s="109"/>
      <c r="H1168" s="110"/>
    </row>
    <row r="1169" spans="1:8" s="23" customFormat="1" ht="24.95" customHeight="1" x14ac:dyDescent="0.25">
      <c r="A1169" s="44" t="s">
        <v>44</v>
      </c>
      <c r="B1169" s="42" t="s">
        <v>977</v>
      </c>
      <c r="C1169" s="104"/>
      <c r="D1169" s="104"/>
      <c r="E1169" s="46"/>
      <c r="F1169" s="107"/>
      <c r="G1169" s="109"/>
      <c r="H1169" s="110"/>
    </row>
    <row r="1170" spans="1:8" s="23" customFormat="1" ht="24.95" customHeight="1" x14ac:dyDescent="0.25">
      <c r="A1170" s="44" t="s">
        <v>45</v>
      </c>
      <c r="B1170" s="42" t="s">
        <v>978</v>
      </c>
      <c r="C1170" s="104"/>
      <c r="D1170" s="104"/>
      <c r="E1170" s="46"/>
      <c r="F1170" s="107"/>
      <c r="G1170" s="109"/>
      <c r="H1170" s="110"/>
    </row>
    <row r="1171" spans="1:8" s="23" customFormat="1" ht="24.95" customHeight="1" x14ac:dyDescent="0.25">
      <c r="A1171" s="44" t="s">
        <v>46</v>
      </c>
      <c r="B1171" s="42" t="s">
        <v>983</v>
      </c>
      <c r="C1171" s="104"/>
      <c r="D1171" s="104"/>
      <c r="E1171" s="46"/>
      <c r="F1171" s="107"/>
      <c r="G1171" s="109"/>
      <c r="H1171" s="110"/>
    </row>
    <row r="1172" spans="1:8" s="23" customFormat="1" ht="24.95" customHeight="1" x14ac:dyDescent="0.25">
      <c r="A1172" s="44" t="s">
        <v>47</v>
      </c>
      <c r="B1172" s="42" t="s">
        <v>406</v>
      </c>
      <c r="C1172" s="104"/>
      <c r="D1172" s="104"/>
      <c r="E1172" s="46"/>
      <c r="F1172" s="107"/>
      <c r="G1172" s="109"/>
      <c r="H1172" s="110"/>
    </row>
    <row r="1173" spans="1:8" s="23" customFormat="1" ht="24.95" customHeight="1" x14ac:dyDescent="0.25">
      <c r="A1173" s="49" t="s">
        <v>228</v>
      </c>
      <c r="B1173" s="100" t="s">
        <v>394</v>
      </c>
      <c r="C1173" s="101"/>
      <c r="D1173" s="101"/>
      <c r="E1173" s="101"/>
      <c r="F1173" s="101"/>
      <c r="G1173" s="101"/>
      <c r="H1173" s="102"/>
    </row>
    <row r="1174" spans="1:8" s="23" customFormat="1" ht="24.95" customHeight="1" x14ac:dyDescent="0.25">
      <c r="A1174" s="44" t="s">
        <v>11</v>
      </c>
      <c r="B1174" s="42" t="s">
        <v>402</v>
      </c>
      <c r="C1174" s="103" t="s">
        <v>986</v>
      </c>
      <c r="D1174" s="103"/>
      <c r="E1174" s="46"/>
      <c r="F1174" s="106"/>
      <c r="G1174" s="109"/>
      <c r="H1174" s="110"/>
    </row>
    <row r="1175" spans="1:8" s="23" customFormat="1" ht="24.95" customHeight="1" x14ac:dyDescent="0.25">
      <c r="A1175" s="44" t="s">
        <v>44</v>
      </c>
      <c r="B1175" s="42" t="s">
        <v>977</v>
      </c>
      <c r="C1175" s="104"/>
      <c r="D1175" s="104"/>
      <c r="E1175" s="46"/>
      <c r="F1175" s="107"/>
      <c r="G1175" s="109"/>
      <c r="H1175" s="110"/>
    </row>
    <row r="1176" spans="1:8" s="23" customFormat="1" ht="24.95" customHeight="1" x14ac:dyDescent="0.25">
      <c r="A1176" s="44" t="s">
        <v>45</v>
      </c>
      <c r="B1176" s="42" t="s">
        <v>978</v>
      </c>
      <c r="C1176" s="104"/>
      <c r="D1176" s="104"/>
      <c r="E1176" s="46"/>
      <c r="F1176" s="107"/>
      <c r="G1176" s="109"/>
      <c r="H1176" s="110"/>
    </row>
    <row r="1177" spans="1:8" s="23" customFormat="1" ht="24.95" customHeight="1" x14ac:dyDescent="0.25">
      <c r="A1177" s="44" t="s">
        <v>46</v>
      </c>
      <c r="B1177" s="42" t="s">
        <v>985</v>
      </c>
      <c r="C1177" s="104"/>
      <c r="D1177" s="104"/>
      <c r="E1177" s="46"/>
      <c r="F1177" s="107"/>
      <c r="G1177" s="109"/>
      <c r="H1177" s="110"/>
    </row>
    <row r="1178" spans="1:8" s="23" customFormat="1" ht="24.95" customHeight="1" x14ac:dyDescent="0.25">
      <c r="A1178" s="44" t="s">
        <v>47</v>
      </c>
      <c r="B1178" s="42" t="s">
        <v>406</v>
      </c>
      <c r="C1178" s="104"/>
      <c r="D1178" s="104"/>
      <c r="E1178" s="46"/>
      <c r="F1178" s="107"/>
      <c r="G1178" s="109"/>
      <c r="H1178" s="110"/>
    </row>
    <row r="1179" spans="1:8" s="23" customFormat="1" ht="24.95" customHeight="1" x14ac:dyDescent="0.25">
      <c r="A1179" s="49" t="s">
        <v>229</v>
      </c>
      <c r="B1179" s="100" t="s">
        <v>395</v>
      </c>
      <c r="C1179" s="101"/>
      <c r="D1179" s="101"/>
      <c r="E1179" s="101"/>
      <c r="F1179" s="101"/>
      <c r="G1179" s="101"/>
      <c r="H1179" s="102"/>
    </row>
    <row r="1180" spans="1:8" s="23" customFormat="1" ht="27.75" customHeight="1" x14ac:dyDescent="0.25">
      <c r="A1180" s="44" t="s">
        <v>11</v>
      </c>
      <c r="B1180" s="42" t="s">
        <v>569</v>
      </c>
      <c r="C1180" s="42"/>
      <c r="D1180" s="42"/>
      <c r="E1180" s="46"/>
      <c r="F1180" s="65"/>
      <c r="G1180" s="109"/>
      <c r="H1180" s="110"/>
    </row>
    <row r="1181" spans="1:8" s="23" customFormat="1" ht="24.95" customHeight="1" x14ac:dyDescent="0.25">
      <c r="A1181" s="44" t="s">
        <v>44</v>
      </c>
      <c r="B1181" s="42" t="s">
        <v>570</v>
      </c>
      <c r="C1181" s="42"/>
      <c r="D1181" s="42"/>
      <c r="E1181" s="46"/>
      <c r="F1181" s="65"/>
      <c r="G1181" s="109"/>
      <c r="H1181" s="110"/>
    </row>
    <row r="1182" spans="1:8" s="23" customFormat="1" ht="24.95" customHeight="1" x14ac:dyDescent="0.25">
      <c r="A1182" s="44" t="s">
        <v>45</v>
      </c>
      <c r="B1182" s="42" t="s">
        <v>571</v>
      </c>
      <c r="C1182" s="42"/>
      <c r="D1182" s="42"/>
      <c r="E1182" s="46"/>
      <c r="F1182" s="65"/>
      <c r="G1182" s="109"/>
      <c r="H1182" s="110"/>
    </row>
    <row r="1183" spans="1:8" s="23" customFormat="1" ht="24.95" customHeight="1" x14ac:dyDescent="0.25">
      <c r="A1183" s="44" t="s">
        <v>46</v>
      </c>
      <c r="B1183" s="42" t="s">
        <v>572</v>
      </c>
      <c r="C1183" s="42"/>
      <c r="D1183" s="42"/>
      <c r="E1183" s="46"/>
      <c r="F1183" s="65"/>
      <c r="G1183" s="109"/>
      <c r="H1183" s="110"/>
    </row>
    <row r="1184" spans="1:8" s="23" customFormat="1" ht="28.5" customHeight="1" x14ac:dyDescent="0.25">
      <c r="A1184" s="44" t="s">
        <v>47</v>
      </c>
      <c r="B1184" s="42" t="s">
        <v>573</v>
      </c>
      <c r="C1184" s="42"/>
      <c r="D1184" s="42"/>
      <c r="E1184" s="46"/>
      <c r="F1184" s="65"/>
      <c r="G1184" s="109"/>
      <c r="H1184" s="110"/>
    </row>
    <row r="1185" spans="1:8" s="23" customFormat="1" ht="24.95" customHeight="1" x14ac:dyDescent="0.25">
      <c r="A1185" s="44" t="s">
        <v>48</v>
      </c>
      <c r="B1185" s="42" t="s">
        <v>574</v>
      </c>
      <c r="C1185" s="42"/>
      <c r="D1185" s="42"/>
      <c r="E1185" s="46"/>
      <c r="F1185" s="65"/>
      <c r="G1185" s="109"/>
      <c r="H1185" s="110"/>
    </row>
    <row r="1186" spans="1:8" s="23" customFormat="1" ht="24.95" customHeight="1" x14ac:dyDescent="0.25">
      <c r="A1186" s="49" t="s">
        <v>230</v>
      </c>
      <c r="B1186" s="100" t="s">
        <v>396</v>
      </c>
      <c r="C1186" s="101"/>
      <c r="D1186" s="101"/>
      <c r="E1186" s="101"/>
      <c r="F1186" s="101"/>
      <c r="G1186" s="101"/>
      <c r="H1186" s="102"/>
    </row>
    <row r="1187" spans="1:8" s="23" customFormat="1" ht="24.95" customHeight="1" x14ac:dyDescent="0.25">
      <c r="A1187" s="44" t="s">
        <v>11</v>
      </c>
      <c r="B1187" s="42" t="s">
        <v>987</v>
      </c>
      <c r="C1187" s="103" t="s">
        <v>753</v>
      </c>
      <c r="D1187" s="103"/>
      <c r="E1187" s="46"/>
      <c r="F1187" s="106"/>
      <c r="G1187" s="109"/>
      <c r="H1187" s="110"/>
    </row>
    <row r="1188" spans="1:8" s="23" customFormat="1" ht="24.95" customHeight="1" x14ac:dyDescent="0.25">
      <c r="A1188" s="44" t="s">
        <v>44</v>
      </c>
      <c r="B1188" s="42" t="s">
        <v>988</v>
      </c>
      <c r="C1188" s="104"/>
      <c r="D1188" s="104"/>
      <c r="E1188" s="46"/>
      <c r="F1188" s="107"/>
      <c r="G1188" s="109"/>
      <c r="H1188" s="110"/>
    </row>
    <row r="1189" spans="1:8" s="23" customFormat="1" ht="24.95" customHeight="1" x14ac:dyDescent="0.25">
      <c r="A1189" s="44" t="s">
        <v>45</v>
      </c>
      <c r="B1189" s="42" t="s">
        <v>989</v>
      </c>
      <c r="C1189" s="104"/>
      <c r="D1189" s="104"/>
      <c r="E1189" s="46"/>
      <c r="F1189" s="107"/>
      <c r="G1189" s="109"/>
      <c r="H1189" s="110"/>
    </row>
    <row r="1190" spans="1:8" s="23" customFormat="1" ht="24.95" customHeight="1" x14ac:dyDescent="0.25">
      <c r="A1190" s="44" t="s">
        <v>46</v>
      </c>
      <c r="B1190" s="42" t="s">
        <v>990</v>
      </c>
      <c r="C1190" s="104"/>
      <c r="D1190" s="104"/>
      <c r="E1190" s="46"/>
      <c r="F1190" s="107"/>
      <c r="G1190" s="109"/>
      <c r="H1190" s="110"/>
    </row>
    <row r="1191" spans="1:8" s="23" customFormat="1" ht="24.95" customHeight="1" x14ac:dyDescent="0.25">
      <c r="A1191" s="49" t="s">
        <v>231</v>
      </c>
      <c r="B1191" s="100" t="s">
        <v>397</v>
      </c>
      <c r="C1191" s="101"/>
      <c r="D1191" s="101"/>
      <c r="E1191" s="101"/>
      <c r="F1191" s="101"/>
      <c r="G1191" s="101"/>
      <c r="H1191" s="102"/>
    </row>
    <row r="1192" spans="1:8" s="23" customFormat="1" ht="24.95" customHeight="1" x14ac:dyDescent="0.25">
      <c r="A1192" s="44" t="s">
        <v>11</v>
      </c>
      <c r="B1192" s="42" t="s">
        <v>991</v>
      </c>
      <c r="C1192" s="103" t="s">
        <v>995</v>
      </c>
      <c r="D1192" s="103"/>
      <c r="E1192" s="46"/>
      <c r="F1192" s="106"/>
      <c r="G1192" s="109"/>
      <c r="H1192" s="110"/>
    </row>
    <row r="1193" spans="1:8" s="23" customFormat="1" ht="24.95" customHeight="1" x14ac:dyDescent="0.25">
      <c r="A1193" s="44" t="s">
        <v>44</v>
      </c>
      <c r="B1193" s="42" t="s">
        <v>992</v>
      </c>
      <c r="C1193" s="104"/>
      <c r="D1193" s="104"/>
      <c r="E1193" s="46"/>
      <c r="F1193" s="107"/>
      <c r="G1193" s="109"/>
      <c r="H1193" s="110"/>
    </row>
    <row r="1194" spans="1:8" s="23" customFormat="1" ht="31.5" customHeight="1" x14ac:dyDescent="0.25">
      <c r="A1194" s="44" t="s">
        <v>45</v>
      </c>
      <c r="B1194" s="42" t="s">
        <v>993</v>
      </c>
      <c r="C1194" s="104"/>
      <c r="D1194" s="104"/>
      <c r="E1194" s="46"/>
      <c r="F1194" s="107"/>
      <c r="G1194" s="109"/>
      <c r="H1194" s="110"/>
    </row>
    <row r="1195" spans="1:8" s="23" customFormat="1" ht="24.95" customHeight="1" x14ac:dyDescent="0.25">
      <c r="A1195" s="44" t="s">
        <v>46</v>
      </c>
      <c r="B1195" s="42" t="s">
        <v>994</v>
      </c>
      <c r="C1195" s="104"/>
      <c r="D1195" s="104"/>
      <c r="E1195" s="46"/>
      <c r="F1195" s="107"/>
      <c r="G1195" s="109"/>
      <c r="H1195" s="110"/>
    </row>
    <row r="1196" spans="1:8" s="23" customFormat="1" ht="24.95" customHeight="1" x14ac:dyDescent="0.25">
      <c r="A1196" s="44" t="s">
        <v>47</v>
      </c>
      <c r="B1196" s="42" t="s">
        <v>410</v>
      </c>
      <c r="C1196" s="104"/>
      <c r="D1196" s="104"/>
      <c r="E1196" s="46"/>
      <c r="F1196" s="107"/>
      <c r="G1196" s="109"/>
      <c r="H1196" s="110"/>
    </row>
    <row r="1197" spans="1:8" s="23" customFormat="1" ht="24.95" customHeight="1" x14ac:dyDescent="0.25">
      <c r="A1197" s="49" t="s">
        <v>232</v>
      </c>
      <c r="B1197" s="100" t="s">
        <v>398</v>
      </c>
      <c r="C1197" s="101"/>
      <c r="D1197" s="101"/>
      <c r="E1197" s="101"/>
      <c r="F1197" s="101"/>
      <c r="G1197" s="101"/>
      <c r="H1197" s="102"/>
    </row>
    <row r="1198" spans="1:8" s="23" customFormat="1" ht="24.95" customHeight="1" x14ac:dyDescent="0.25">
      <c r="A1198" s="44" t="s">
        <v>11</v>
      </c>
      <c r="B1198" s="42" t="s">
        <v>996</v>
      </c>
      <c r="C1198" s="103" t="s">
        <v>753</v>
      </c>
      <c r="D1198" s="103"/>
      <c r="E1198" s="46"/>
      <c r="F1198" s="106"/>
      <c r="G1198" s="109"/>
      <c r="H1198" s="110"/>
    </row>
    <row r="1199" spans="1:8" s="23" customFormat="1" ht="24.95" customHeight="1" x14ac:dyDescent="0.25">
      <c r="A1199" s="44" t="s">
        <v>44</v>
      </c>
      <c r="B1199" s="42" t="s">
        <v>997</v>
      </c>
      <c r="C1199" s="104"/>
      <c r="D1199" s="104"/>
      <c r="E1199" s="46"/>
      <c r="F1199" s="107"/>
      <c r="G1199" s="109"/>
      <c r="H1199" s="110"/>
    </row>
    <row r="1200" spans="1:8" s="23" customFormat="1" ht="24.95" customHeight="1" x14ac:dyDescent="0.25">
      <c r="A1200" s="44" t="s">
        <v>45</v>
      </c>
      <c r="B1200" s="42" t="s">
        <v>998</v>
      </c>
      <c r="C1200" s="104"/>
      <c r="D1200" s="104"/>
      <c r="E1200" s="46"/>
      <c r="F1200" s="107"/>
      <c r="G1200" s="109"/>
      <c r="H1200" s="110"/>
    </row>
    <row r="1201" spans="1:8" s="23" customFormat="1" ht="24.95" customHeight="1" x14ac:dyDescent="0.25">
      <c r="A1201" s="44" t="s">
        <v>46</v>
      </c>
      <c r="B1201" s="42" t="s">
        <v>999</v>
      </c>
      <c r="C1201" s="104"/>
      <c r="D1201" s="104"/>
      <c r="E1201" s="46"/>
      <c r="F1201" s="107"/>
      <c r="G1201" s="109"/>
      <c r="H1201" s="110"/>
    </row>
    <row r="1202" spans="1:8" s="23" customFormat="1" ht="24.95" customHeight="1" x14ac:dyDescent="0.25">
      <c r="A1202" s="44" t="s">
        <v>47</v>
      </c>
      <c r="B1202" s="42" t="s">
        <v>664</v>
      </c>
      <c r="C1202" s="104"/>
      <c r="D1202" s="104"/>
      <c r="E1202" s="46"/>
      <c r="F1202" s="107"/>
      <c r="G1202" s="109"/>
      <c r="H1202" s="110"/>
    </row>
    <row r="1203" spans="1:8" s="23" customFormat="1" ht="24.95" customHeight="1" x14ac:dyDescent="0.25">
      <c r="A1203" s="44" t="s">
        <v>48</v>
      </c>
      <c r="B1203" s="42" t="s">
        <v>406</v>
      </c>
      <c r="C1203" s="104"/>
      <c r="D1203" s="104"/>
      <c r="E1203" s="46"/>
      <c r="F1203" s="107"/>
      <c r="G1203" s="109"/>
      <c r="H1203" s="110"/>
    </row>
    <row r="1204" spans="1:8" s="23" customFormat="1" ht="24.95" customHeight="1" x14ac:dyDescent="0.25">
      <c r="A1204" s="49" t="s">
        <v>233</v>
      </c>
      <c r="B1204" s="100" t="s">
        <v>399</v>
      </c>
      <c r="C1204" s="101"/>
      <c r="D1204" s="101"/>
      <c r="E1204" s="101"/>
      <c r="F1204" s="101"/>
      <c r="G1204" s="101"/>
      <c r="H1204" s="102"/>
    </row>
    <row r="1205" spans="1:8" s="23" customFormat="1" ht="24.95" customHeight="1" x14ac:dyDescent="0.25">
      <c r="A1205" s="44" t="s">
        <v>11</v>
      </c>
      <c r="B1205" s="42" t="s">
        <v>1000</v>
      </c>
      <c r="C1205" s="103" t="s">
        <v>753</v>
      </c>
      <c r="D1205" s="103"/>
      <c r="E1205" s="46"/>
      <c r="F1205" s="106"/>
      <c r="G1205" s="109"/>
      <c r="H1205" s="110"/>
    </row>
    <row r="1206" spans="1:8" s="23" customFormat="1" ht="24.95" customHeight="1" x14ac:dyDescent="0.25">
      <c r="A1206" s="44" t="s">
        <v>44</v>
      </c>
      <c r="B1206" s="42" t="s">
        <v>1001</v>
      </c>
      <c r="C1206" s="104"/>
      <c r="D1206" s="104"/>
      <c r="E1206" s="46"/>
      <c r="F1206" s="107"/>
      <c r="G1206" s="109"/>
      <c r="H1206" s="110"/>
    </row>
    <row r="1207" spans="1:8" s="23" customFormat="1" ht="24.95" customHeight="1" x14ac:dyDescent="0.25">
      <c r="A1207" s="44" t="s">
        <v>45</v>
      </c>
      <c r="B1207" s="42" t="s">
        <v>1002</v>
      </c>
      <c r="C1207" s="104"/>
      <c r="D1207" s="104"/>
      <c r="E1207" s="46"/>
      <c r="F1207" s="107"/>
      <c r="G1207" s="109"/>
      <c r="H1207" s="110"/>
    </row>
    <row r="1208" spans="1:8" s="23" customFormat="1" ht="24.95" customHeight="1" x14ac:dyDescent="0.25">
      <c r="A1208" s="49" t="s">
        <v>234</v>
      </c>
      <c r="B1208" s="100" t="s">
        <v>400</v>
      </c>
      <c r="C1208" s="101"/>
      <c r="D1208" s="101"/>
      <c r="E1208" s="101"/>
      <c r="F1208" s="101"/>
      <c r="G1208" s="101"/>
      <c r="H1208" s="102"/>
    </row>
    <row r="1209" spans="1:8" s="23" customFormat="1" ht="24.95" customHeight="1" x14ac:dyDescent="0.25">
      <c r="A1209" s="44" t="s">
        <v>11</v>
      </c>
      <c r="B1209" s="42" t="s">
        <v>1003</v>
      </c>
      <c r="C1209" s="103" t="s">
        <v>753</v>
      </c>
      <c r="D1209" s="103"/>
      <c r="E1209" s="46"/>
      <c r="F1209" s="106"/>
      <c r="G1209" s="109"/>
      <c r="H1209" s="110"/>
    </row>
    <row r="1210" spans="1:8" s="23" customFormat="1" ht="24.95" customHeight="1" x14ac:dyDescent="0.25">
      <c r="A1210" s="44" t="s">
        <v>44</v>
      </c>
      <c r="B1210" s="42" t="s">
        <v>1004</v>
      </c>
      <c r="C1210" s="104"/>
      <c r="D1210" s="104"/>
      <c r="E1210" s="46"/>
      <c r="F1210" s="107"/>
      <c r="G1210" s="109"/>
      <c r="H1210" s="110"/>
    </row>
    <row r="1211" spans="1:8" s="23" customFormat="1" ht="24.95" customHeight="1" x14ac:dyDescent="0.25">
      <c r="A1211" s="44" t="s">
        <v>45</v>
      </c>
      <c r="B1211" s="42" t="s">
        <v>1005</v>
      </c>
      <c r="C1211" s="104"/>
      <c r="D1211" s="104"/>
      <c r="E1211" s="46"/>
      <c r="F1211" s="107"/>
      <c r="G1211" s="109"/>
      <c r="H1211" s="110"/>
    </row>
    <row r="1212" spans="1:8" s="23" customFormat="1" ht="24.95" customHeight="1" x14ac:dyDescent="0.25">
      <c r="A1212" s="44" t="s">
        <v>46</v>
      </c>
      <c r="B1212" s="42" t="s">
        <v>1006</v>
      </c>
      <c r="C1212" s="104"/>
      <c r="D1212" s="104"/>
      <c r="E1212" s="46"/>
      <c r="F1212" s="107"/>
      <c r="G1212" s="109"/>
      <c r="H1212" s="110"/>
    </row>
    <row r="1213" spans="1:8" s="23" customFormat="1" ht="24.95" customHeight="1" x14ac:dyDescent="0.25">
      <c r="A1213" s="44" t="s">
        <v>47</v>
      </c>
      <c r="B1213" s="42" t="s">
        <v>1007</v>
      </c>
      <c r="C1213" s="104"/>
      <c r="D1213" s="104"/>
      <c r="E1213" s="46"/>
      <c r="F1213" s="107"/>
      <c r="G1213" s="109"/>
      <c r="H1213" s="110"/>
    </row>
    <row r="1214" spans="1:8" s="23" customFormat="1" ht="24.95" customHeight="1" x14ac:dyDescent="0.25">
      <c r="A1214" s="44" t="s">
        <v>48</v>
      </c>
      <c r="B1214" s="42" t="s">
        <v>406</v>
      </c>
      <c r="C1214" s="104"/>
      <c r="D1214" s="104"/>
      <c r="E1214" s="46"/>
      <c r="F1214" s="107"/>
      <c r="G1214" s="109"/>
      <c r="H1214" s="110"/>
    </row>
    <row r="1215" spans="1:8" s="23" customFormat="1" ht="24.95" customHeight="1" x14ac:dyDescent="0.25">
      <c r="A1215" s="49" t="s">
        <v>235</v>
      </c>
      <c r="B1215" s="100" t="s">
        <v>401</v>
      </c>
      <c r="C1215" s="101"/>
      <c r="D1215" s="101"/>
      <c r="E1215" s="101"/>
      <c r="F1215" s="101"/>
      <c r="G1215" s="101"/>
      <c r="H1215" s="102"/>
    </row>
    <row r="1216" spans="1:8" s="4" customFormat="1" ht="24.95" customHeight="1" x14ac:dyDescent="0.25">
      <c r="A1216" s="44" t="s">
        <v>11</v>
      </c>
      <c r="B1216" s="42" t="s">
        <v>1008</v>
      </c>
      <c r="C1216" s="103" t="s">
        <v>1010</v>
      </c>
      <c r="D1216" s="103"/>
      <c r="E1216" s="46"/>
      <c r="F1216" s="106"/>
      <c r="G1216" s="109"/>
      <c r="H1216" s="110"/>
    </row>
    <row r="1217" spans="1:8" s="4" customFormat="1" ht="24.95" customHeight="1" x14ac:dyDescent="0.25">
      <c r="A1217" s="44" t="s">
        <v>44</v>
      </c>
      <c r="B1217" s="42" t="s">
        <v>1009</v>
      </c>
      <c r="C1217" s="104"/>
      <c r="D1217" s="104"/>
      <c r="E1217" s="46"/>
      <c r="F1217" s="107"/>
      <c r="G1217" s="109"/>
      <c r="H1217" s="110"/>
    </row>
    <row r="1218" spans="1:8" s="4" customFormat="1" ht="24.95" customHeight="1" thickBot="1" x14ac:dyDescent="0.3">
      <c r="A1218" s="67" t="s">
        <v>45</v>
      </c>
      <c r="B1218" s="43" t="s">
        <v>406</v>
      </c>
      <c r="C1218" s="105"/>
      <c r="D1218" s="105"/>
      <c r="E1218" s="47"/>
      <c r="F1218" s="108"/>
      <c r="G1218" s="98"/>
      <c r="H1218" s="99"/>
    </row>
    <row r="1219" spans="1:8" s="23" customFormat="1" ht="24.95" customHeight="1" x14ac:dyDescent="0.25">
      <c r="A1219" s="49" t="s">
        <v>1089</v>
      </c>
      <c r="B1219" s="100" t="s">
        <v>1090</v>
      </c>
      <c r="C1219" s="101"/>
      <c r="D1219" s="101"/>
      <c r="E1219" s="101"/>
      <c r="F1219" s="101"/>
      <c r="G1219" s="101"/>
      <c r="H1219" s="102"/>
    </row>
    <row r="1220" spans="1:8" s="4" customFormat="1" ht="24.95" customHeight="1" x14ac:dyDescent="0.25">
      <c r="A1220" s="44" t="s">
        <v>11</v>
      </c>
      <c r="B1220" s="42" t="s">
        <v>1091</v>
      </c>
      <c r="C1220" s="103" t="s">
        <v>753</v>
      </c>
      <c r="D1220" s="103"/>
      <c r="E1220" s="46"/>
      <c r="F1220" s="106"/>
      <c r="G1220" s="109"/>
      <c r="H1220" s="110"/>
    </row>
    <row r="1221" spans="1:8" s="4" customFormat="1" ht="24.95" customHeight="1" x14ac:dyDescent="0.25">
      <c r="A1221" s="44" t="s">
        <v>44</v>
      </c>
      <c r="B1221" s="42" t="s">
        <v>1092</v>
      </c>
      <c r="C1221" s="104"/>
      <c r="D1221" s="104"/>
      <c r="E1221" s="46"/>
      <c r="F1221" s="107"/>
      <c r="G1221" s="91"/>
      <c r="H1221" s="92"/>
    </row>
    <row r="1222" spans="1:8" s="4" customFormat="1" ht="24.95" customHeight="1" x14ac:dyDescent="0.25">
      <c r="A1222" s="44" t="s">
        <v>45</v>
      </c>
      <c r="B1222" s="42" t="s">
        <v>629</v>
      </c>
      <c r="C1222" s="104"/>
      <c r="D1222" s="104"/>
      <c r="E1222" s="46"/>
      <c r="F1222" s="107"/>
      <c r="G1222" s="91"/>
      <c r="H1222" s="92"/>
    </row>
    <row r="1223" spans="1:8" s="4" customFormat="1" ht="24.95" customHeight="1" x14ac:dyDescent="0.25">
      <c r="A1223" s="44" t="s">
        <v>46</v>
      </c>
      <c r="B1223" s="42" t="s">
        <v>1093</v>
      </c>
      <c r="C1223" s="104"/>
      <c r="D1223" s="104"/>
      <c r="E1223" s="46"/>
      <c r="F1223" s="107"/>
      <c r="G1223" s="91"/>
      <c r="H1223" s="92"/>
    </row>
    <row r="1224" spans="1:8" s="4" customFormat="1" ht="24.95" customHeight="1" x14ac:dyDescent="0.25">
      <c r="A1224" s="44" t="s">
        <v>47</v>
      </c>
      <c r="B1224" s="42" t="s">
        <v>628</v>
      </c>
      <c r="C1224" s="104"/>
      <c r="D1224" s="104"/>
      <c r="E1224" s="46"/>
      <c r="F1224" s="107"/>
      <c r="G1224" s="91"/>
      <c r="H1224" s="92"/>
    </row>
    <row r="1225" spans="1:8" s="4" customFormat="1" ht="24.95" customHeight="1" x14ac:dyDescent="0.25">
      <c r="A1225" s="44" t="s">
        <v>48</v>
      </c>
      <c r="B1225" s="42" t="s">
        <v>406</v>
      </c>
      <c r="C1225" s="104"/>
      <c r="D1225" s="104"/>
      <c r="E1225" s="46"/>
      <c r="F1225" s="107"/>
      <c r="G1225" s="91"/>
      <c r="H1225" s="92"/>
    </row>
    <row r="1226" spans="1:8" s="4" customFormat="1" ht="24.95" customHeight="1" thickBot="1" x14ac:dyDescent="0.3">
      <c r="A1226" s="67" t="s">
        <v>49</v>
      </c>
      <c r="B1226" s="43" t="s">
        <v>1094</v>
      </c>
      <c r="C1226" s="105"/>
      <c r="D1226" s="105"/>
      <c r="E1226" s="47"/>
      <c r="F1226" s="108"/>
      <c r="G1226" s="98"/>
      <c r="H1226" s="99"/>
    </row>
    <row r="1227" spans="1:8" s="3" customFormat="1" ht="5.0999999999999996" customHeight="1" x14ac:dyDescent="0.25">
      <c r="A1227" s="5"/>
      <c r="B1227" s="5"/>
      <c r="C1227" s="5"/>
      <c r="D1227" s="5"/>
      <c r="E1227" s="7"/>
      <c r="F1227" s="7"/>
      <c r="G1227" s="7"/>
      <c r="H1227" s="24"/>
    </row>
    <row r="1228" spans="1:8" s="2" customFormat="1" ht="20.100000000000001" customHeight="1" x14ac:dyDescent="0.25">
      <c r="A1228" s="118" t="s">
        <v>1086</v>
      </c>
      <c r="B1228" s="118"/>
      <c r="C1228" s="118"/>
      <c r="D1228" s="118"/>
      <c r="E1228" s="118"/>
      <c r="F1228" s="118"/>
      <c r="G1228" s="118"/>
      <c r="H1228" s="118"/>
    </row>
    <row r="1229" spans="1:8" s="3" customFormat="1" ht="5.0999999999999996" customHeight="1" thickBot="1" x14ac:dyDescent="0.3">
      <c r="A1229" s="5"/>
      <c r="B1229" s="5"/>
      <c r="C1229" s="5"/>
      <c r="D1229" s="5"/>
      <c r="E1229" s="7"/>
      <c r="F1229" s="7"/>
      <c r="G1229" s="7"/>
      <c r="H1229" s="24"/>
    </row>
    <row r="1230" spans="1:8" s="3" customFormat="1" ht="47.25" customHeight="1" x14ac:dyDescent="0.25">
      <c r="A1230" s="153" t="s">
        <v>6</v>
      </c>
      <c r="B1230" s="154"/>
      <c r="C1230" s="155"/>
      <c r="D1230" s="69"/>
      <c r="E1230" s="159" t="s">
        <v>25</v>
      </c>
      <c r="F1230" s="160"/>
      <c r="G1230" s="160"/>
      <c r="H1230" s="161"/>
    </row>
    <row r="1231" spans="1:8" s="3" customFormat="1" ht="30" customHeight="1" thickBot="1" x14ac:dyDescent="0.3">
      <c r="A1231" s="156"/>
      <c r="B1231" s="157"/>
      <c r="C1231" s="158"/>
      <c r="D1231" s="70"/>
      <c r="E1231" s="68" t="s">
        <v>5</v>
      </c>
      <c r="F1231" s="162" t="s">
        <v>26</v>
      </c>
      <c r="G1231" s="162"/>
      <c r="H1231" s="163"/>
    </row>
    <row r="1232" spans="1:8" s="4" customFormat="1" ht="28.5" customHeight="1" x14ac:dyDescent="0.25">
      <c r="A1232" s="73" t="s">
        <v>11</v>
      </c>
      <c r="B1232" s="164" t="s">
        <v>1102</v>
      </c>
      <c r="C1232" s="165"/>
      <c r="D1232" s="71"/>
      <c r="E1232" s="86"/>
      <c r="F1232" s="190"/>
      <c r="G1232" s="190"/>
      <c r="H1232" s="191"/>
    </row>
    <row r="1233" spans="1:8" s="4" customFormat="1" ht="54.75" customHeight="1" x14ac:dyDescent="0.25">
      <c r="A1233" s="74" t="s">
        <v>44</v>
      </c>
      <c r="B1233" s="94" t="s">
        <v>1015</v>
      </c>
      <c r="C1233" s="95" t="s">
        <v>1015</v>
      </c>
      <c r="D1233" s="71"/>
      <c r="E1233" s="46"/>
      <c r="F1233" s="96"/>
      <c r="G1233" s="96"/>
      <c r="H1233" s="97"/>
    </row>
    <row r="1234" spans="1:8" s="4" customFormat="1" ht="70.5" customHeight="1" x14ac:dyDescent="0.25">
      <c r="A1234" s="75" t="s">
        <v>45</v>
      </c>
      <c r="B1234" s="94" t="s">
        <v>1077</v>
      </c>
      <c r="C1234" s="95" t="s">
        <v>1077</v>
      </c>
      <c r="D1234" s="71"/>
      <c r="E1234" s="46"/>
      <c r="F1234" s="96"/>
      <c r="G1234" s="96"/>
      <c r="H1234" s="97"/>
    </row>
    <row r="1235" spans="1:8" s="4" customFormat="1" ht="42.75" customHeight="1" x14ac:dyDescent="0.25">
      <c r="A1235" s="75" t="s">
        <v>46</v>
      </c>
      <c r="B1235" s="94" t="s">
        <v>1016</v>
      </c>
      <c r="C1235" s="95" t="s">
        <v>1016</v>
      </c>
      <c r="D1235" s="71"/>
      <c r="E1235" s="46"/>
      <c r="F1235" s="96"/>
      <c r="G1235" s="96"/>
      <c r="H1235" s="97"/>
    </row>
    <row r="1236" spans="1:8" s="4" customFormat="1" ht="42" customHeight="1" x14ac:dyDescent="0.25">
      <c r="A1236" s="75" t="s">
        <v>47</v>
      </c>
      <c r="B1236" s="94" t="s">
        <v>1017</v>
      </c>
      <c r="C1236" s="95" t="s">
        <v>1017</v>
      </c>
      <c r="D1236" s="71"/>
      <c r="E1236" s="46"/>
      <c r="F1236" s="96"/>
      <c r="G1236" s="96"/>
      <c r="H1236" s="97"/>
    </row>
    <row r="1237" spans="1:8" s="4" customFormat="1" ht="60" customHeight="1" x14ac:dyDescent="0.25">
      <c r="A1237" s="75" t="s">
        <v>48</v>
      </c>
      <c r="B1237" s="94" t="s">
        <v>1018</v>
      </c>
      <c r="C1237" s="95" t="s">
        <v>1018</v>
      </c>
      <c r="D1237" s="71"/>
      <c r="E1237" s="46"/>
      <c r="F1237" s="96"/>
      <c r="G1237" s="96"/>
      <c r="H1237" s="97"/>
    </row>
    <row r="1238" spans="1:8" s="4" customFormat="1" ht="32.25" customHeight="1" x14ac:dyDescent="0.25">
      <c r="A1238" s="75" t="s">
        <v>49</v>
      </c>
      <c r="B1238" s="94" t="s">
        <v>1019</v>
      </c>
      <c r="C1238" s="95" t="s">
        <v>1019</v>
      </c>
      <c r="D1238" s="71"/>
      <c r="E1238" s="46"/>
      <c r="F1238" s="96"/>
      <c r="G1238" s="96"/>
      <c r="H1238" s="97"/>
    </row>
    <row r="1239" spans="1:8" s="4" customFormat="1" ht="95.25" customHeight="1" x14ac:dyDescent="0.25">
      <c r="A1239" s="80" t="s">
        <v>50</v>
      </c>
      <c r="B1239" s="94" t="s">
        <v>1020</v>
      </c>
      <c r="C1239" s="95" t="s">
        <v>1020</v>
      </c>
      <c r="D1239" s="71"/>
      <c r="E1239" s="87"/>
      <c r="F1239" s="166"/>
      <c r="G1239" s="166"/>
      <c r="H1239" s="167"/>
    </row>
    <row r="1240" spans="1:8" s="4" customFormat="1" ht="57.75" customHeight="1" x14ac:dyDescent="0.25">
      <c r="A1240" s="79" t="s">
        <v>1021</v>
      </c>
      <c r="B1240" s="94" t="s">
        <v>1022</v>
      </c>
      <c r="C1240" s="95" t="s">
        <v>1022</v>
      </c>
      <c r="D1240" s="71"/>
      <c r="E1240" s="88"/>
      <c r="F1240" s="172"/>
      <c r="G1240" s="172"/>
      <c r="H1240" s="173"/>
    </row>
    <row r="1241" spans="1:8" s="4" customFormat="1" ht="69" customHeight="1" x14ac:dyDescent="0.25">
      <c r="A1241" s="75" t="s">
        <v>51</v>
      </c>
      <c r="B1241" s="94" t="s">
        <v>1023</v>
      </c>
      <c r="C1241" s="95" t="s">
        <v>1023</v>
      </c>
      <c r="D1241" s="71"/>
      <c r="E1241" s="46"/>
      <c r="F1241" s="96"/>
      <c r="G1241" s="96"/>
      <c r="H1241" s="97"/>
    </row>
    <row r="1242" spans="1:8" s="4" customFormat="1" ht="42.75" customHeight="1" x14ac:dyDescent="0.25">
      <c r="A1242" s="75" t="s">
        <v>52</v>
      </c>
      <c r="B1242" s="94" t="s">
        <v>1024</v>
      </c>
      <c r="C1242" s="95" t="s">
        <v>1024</v>
      </c>
      <c r="D1242" s="71"/>
      <c r="E1242" s="46"/>
      <c r="F1242" s="96"/>
      <c r="G1242" s="96"/>
      <c r="H1242" s="97"/>
    </row>
    <row r="1243" spans="1:8" s="4" customFormat="1" ht="43.5" customHeight="1" x14ac:dyDescent="0.25">
      <c r="A1243" s="75" t="s">
        <v>53</v>
      </c>
      <c r="B1243" s="94" t="s">
        <v>1025</v>
      </c>
      <c r="C1243" s="95" t="s">
        <v>1025</v>
      </c>
      <c r="D1243" s="71"/>
      <c r="E1243" s="46"/>
      <c r="F1243" s="96"/>
      <c r="G1243" s="96"/>
      <c r="H1243" s="97"/>
    </row>
    <row r="1244" spans="1:8" s="4" customFormat="1" ht="45" customHeight="1" x14ac:dyDescent="0.25">
      <c r="A1244" s="82" t="s">
        <v>54</v>
      </c>
      <c r="B1244" s="151" t="s">
        <v>1026</v>
      </c>
      <c r="C1244" s="152" t="s">
        <v>1026</v>
      </c>
      <c r="D1244" s="71"/>
      <c r="E1244" s="106"/>
      <c r="F1244" s="181"/>
      <c r="G1244" s="181"/>
      <c r="H1244" s="182"/>
    </row>
    <row r="1245" spans="1:8" s="4" customFormat="1" ht="69" customHeight="1" x14ac:dyDescent="0.25">
      <c r="A1245" s="78"/>
      <c r="B1245" s="170" t="s">
        <v>1027</v>
      </c>
      <c r="C1245" s="171" t="s">
        <v>1027</v>
      </c>
      <c r="D1245" s="71"/>
      <c r="E1245" s="107"/>
      <c r="F1245" s="183"/>
      <c r="G1245" s="183"/>
      <c r="H1245" s="184"/>
    </row>
    <row r="1246" spans="1:8" s="4" customFormat="1" ht="69.75" customHeight="1" x14ac:dyDescent="0.25">
      <c r="A1246" s="78"/>
      <c r="B1246" s="170" t="s">
        <v>1028</v>
      </c>
      <c r="C1246" s="171" t="s">
        <v>1028</v>
      </c>
      <c r="D1246" s="71"/>
      <c r="E1246" s="107"/>
      <c r="F1246" s="183"/>
      <c r="G1246" s="183"/>
      <c r="H1246" s="184"/>
    </row>
    <row r="1247" spans="1:8" s="4" customFormat="1" ht="69" customHeight="1" x14ac:dyDescent="0.25">
      <c r="A1247" s="83"/>
      <c r="B1247" s="168" t="s">
        <v>1029</v>
      </c>
      <c r="C1247" s="169" t="s">
        <v>1029</v>
      </c>
      <c r="D1247" s="71"/>
      <c r="E1247" s="111"/>
      <c r="F1247" s="185"/>
      <c r="G1247" s="185"/>
      <c r="H1247" s="186"/>
    </row>
    <row r="1248" spans="1:8" s="4" customFormat="1" ht="57.75" customHeight="1" x14ac:dyDescent="0.25">
      <c r="A1248" s="76" t="s">
        <v>55</v>
      </c>
      <c r="B1248" s="94" t="s">
        <v>1030</v>
      </c>
      <c r="C1248" s="95" t="s">
        <v>1030</v>
      </c>
      <c r="D1248" s="71"/>
      <c r="E1248" s="87"/>
      <c r="F1248" s="166"/>
      <c r="G1248" s="166"/>
      <c r="H1248" s="167"/>
    </row>
    <row r="1249" spans="1:8" s="4" customFormat="1" ht="54" customHeight="1" x14ac:dyDescent="0.25">
      <c r="A1249" s="79"/>
      <c r="B1249" s="151" t="s">
        <v>1031</v>
      </c>
      <c r="C1249" s="152" t="s">
        <v>1031</v>
      </c>
      <c r="D1249" s="71"/>
      <c r="E1249" s="187"/>
      <c r="F1249" s="174"/>
      <c r="G1249" s="174"/>
      <c r="H1249" s="175"/>
    </row>
    <row r="1250" spans="1:8" s="4" customFormat="1" ht="111" customHeight="1" x14ac:dyDescent="0.25">
      <c r="A1250" s="77" t="s">
        <v>1032</v>
      </c>
      <c r="B1250" s="168" t="s">
        <v>1033</v>
      </c>
      <c r="C1250" s="169" t="s">
        <v>1033</v>
      </c>
      <c r="D1250" s="71"/>
      <c r="E1250" s="187"/>
      <c r="F1250" s="174"/>
      <c r="G1250" s="174"/>
      <c r="H1250" s="175"/>
    </row>
    <row r="1251" spans="1:8" s="4" customFormat="1" ht="59.25" customHeight="1" x14ac:dyDescent="0.25">
      <c r="A1251" s="84" t="s">
        <v>1034</v>
      </c>
      <c r="B1251" s="94" t="s">
        <v>1035</v>
      </c>
      <c r="C1251" s="95" t="s">
        <v>1035</v>
      </c>
      <c r="D1251" s="71"/>
      <c r="E1251" s="89"/>
      <c r="F1251" s="174"/>
      <c r="G1251" s="174"/>
      <c r="H1251" s="175"/>
    </row>
    <row r="1252" spans="1:8" s="4" customFormat="1" ht="32.25" customHeight="1" x14ac:dyDescent="0.25">
      <c r="A1252" s="84" t="s">
        <v>1036</v>
      </c>
      <c r="B1252" s="94" t="s">
        <v>1037</v>
      </c>
      <c r="C1252" s="95" t="s">
        <v>1037</v>
      </c>
      <c r="D1252" s="71"/>
      <c r="E1252" s="89"/>
      <c r="F1252" s="174"/>
      <c r="G1252" s="174"/>
      <c r="H1252" s="175"/>
    </row>
    <row r="1253" spans="1:8" s="4" customFormat="1" ht="42" customHeight="1" x14ac:dyDescent="0.25">
      <c r="A1253" s="81" t="s">
        <v>1038</v>
      </c>
      <c r="B1253" s="94" t="s">
        <v>1039</v>
      </c>
      <c r="C1253" s="95" t="s">
        <v>1039</v>
      </c>
      <c r="D1253" s="71"/>
      <c r="E1253" s="88"/>
      <c r="F1253" s="172"/>
      <c r="G1253" s="172"/>
      <c r="H1253" s="173"/>
    </row>
    <row r="1254" spans="1:8" s="4" customFormat="1" ht="30" customHeight="1" x14ac:dyDescent="0.25">
      <c r="A1254" s="75" t="s">
        <v>56</v>
      </c>
      <c r="B1254" s="94" t="s">
        <v>1078</v>
      </c>
      <c r="C1254" s="95" t="s">
        <v>1078</v>
      </c>
      <c r="D1254" s="71"/>
      <c r="E1254" s="46"/>
      <c r="F1254" s="96"/>
      <c r="G1254" s="96"/>
      <c r="H1254" s="97"/>
    </row>
    <row r="1255" spans="1:8" s="4" customFormat="1" ht="30" customHeight="1" x14ac:dyDescent="0.25">
      <c r="A1255" s="75" t="s">
        <v>57</v>
      </c>
      <c r="B1255" s="94" t="s">
        <v>1079</v>
      </c>
      <c r="C1255" s="95" t="s">
        <v>1079</v>
      </c>
      <c r="D1255" s="71"/>
      <c r="E1255" s="46"/>
      <c r="F1255" s="96"/>
      <c r="G1255" s="96"/>
      <c r="H1255" s="97"/>
    </row>
    <row r="1256" spans="1:8" s="4" customFormat="1" ht="54" customHeight="1" x14ac:dyDescent="0.25">
      <c r="A1256" s="75" t="s">
        <v>58</v>
      </c>
      <c r="B1256" s="94" t="s">
        <v>1040</v>
      </c>
      <c r="C1256" s="95" t="s">
        <v>1040</v>
      </c>
      <c r="D1256" s="71"/>
      <c r="E1256" s="46"/>
      <c r="F1256" s="96"/>
      <c r="G1256" s="96"/>
      <c r="H1256" s="97"/>
    </row>
    <row r="1257" spans="1:8" s="4" customFormat="1" ht="120.75" customHeight="1" x14ac:dyDescent="0.25">
      <c r="A1257" s="75" t="s">
        <v>59</v>
      </c>
      <c r="B1257" s="94" t="s">
        <v>1041</v>
      </c>
      <c r="C1257" s="95" t="s">
        <v>1041</v>
      </c>
      <c r="D1257" s="71"/>
      <c r="E1257" s="46"/>
      <c r="F1257" s="96"/>
      <c r="G1257" s="96"/>
      <c r="H1257" s="97"/>
    </row>
    <row r="1258" spans="1:8" s="4" customFormat="1" ht="43.5" customHeight="1" x14ac:dyDescent="0.25">
      <c r="A1258" s="75" t="s">
        <v>60</v>
      </c>
      <c r="B1258" s="94" t="s">
        <v>1096</v>
      </c>
      <c r="C1258" s="95" t="s">
        <v>1096</v>
      </c>
      <c r="D1258" s="71"/>
      <c r="E1258" s="46"/>
      <c r="F1258" s="96"/>
      <c r="G1258" s="96"/>
      <c r="H1258" s="97"/>
    </row>
    <row r="1259" spans="1:8" s="4" customFormat="1" ht="44.25" customHeight="1" x14ac:dyDescent="0.25">
      <c r="A1259" s="82" t="s">
        <v>61</v>
      </c>
      <c r="B1259" s="94" t="s">
        <v>1042</v>
      </c>
      <c r="C1259" s="95" t="s">
        <v>1042</v>
      </c>
      <c r="D1259" s="71"/>
      <c r="E1259" s="46"/>
      <c r="F1259" s="96"/>
      <c r="G1259" s="96"/>
      <c r="H1259" s="97"/>
    </row>
    <row r="1260" spans="1:8" s="4" customFormat="1" ht="68.25" customHeight="1" x14ac:dyDescent="0.25">
      <c r="A1260" s="82" t="s">
        <v>62</v>
      </c>
      <c r="B1260" s="151" t="s">
        <v>1043</v>
      </c>
      <c r="C1260" s="152" t="s">
        <v>1043</v>
      </c>
      <c r="D1260" s="71"/>
      <c r="E1260" s="106"/>
      <c r="F1260" s="181"/>
      <c r="G1260" s="181"/>
      <c r="H1260" s="182"/>
    </row>
    <row r="1261" spans="1:8" s="4" customFormat="1" ht="42.75" customHeight="1" x14ac:dyDescent="0.25">
      <c r="A1261" s="83"/>
      <c r="B1261" s="168" t="s">
        <v>1044</v>
      </c>
      <c r="C1261" s="169" t="s">
        <v>1044</v>
      </c>
      <c r="D1261" s="71"/>
      <c r="E1261" s="111"/>
      <c r="F1261" s="185"/>
      <c r="G1261" s="185"/>
      <c r="H1261" s="186"/>
    </row>
    <row r="1262" spans="1:8" s="4" customFormat="1" ht="24.95" customHeight="1" x14ac:dyDescent="0.25">
      <c r="A1262" s="75" t="s">
        <v>63</v>
      </c>
      <c r="B1262" s="94" t="s">
        <v>1045</v>
      </c>
      <c r="C1262" s="95" t="s">
        <v>1045</v>
      </c>
      <c r="D1262" s="71"/>
      <c r="E1262" s="46"/>
      <c r="F1262" s="96"/>
      <c r="G1262" s="96"/>
      <c r="H1262" s="97"/>
    </row>
    <row r="1263" spans="1:8" s="4" customFormat="1" ht="60.75" customHeight="1" x14ac:dyDescent="0.25">
      <c r="A1263" s="75" t="s">
        <v>64</v>
      </c>
      <c r="B1263" s="94" t="s">
        <v>1046</v>
      </c>
      <c r="C1263" s="95" t="s">
        <v>1046</v>
      </c>
      <c r="D1263" s="71"/>
      <c r="E1263" s="46"/>
      <c r="F1263" s="96"/>
      <c r="G1263" s="96"/>
      <c r="H1263" s="97"/>
    </row>
    <row r="1264" spans="1:8" s="4" customFormat="1" ht="54.75" customHeight="1" x14ac:dyDescent="0.25">
      <c r="A1264" s="75" t="s">
        <v>65</v>
      </c>
      <c r="B1264" s="94" t="s">
        <v>1047</v>
      </c>
      <c r="C1264" s="95" t="s">
        <v>1047</v>
      </c>
      <c r="D1264" s="71"/>
      <c r="E1264" s="46"/>
      <c r="F1264" s="96"/>
      <c r="G1264" s="96"/>
      <c r="H1264" s="97"/>
    </row>
    <row r="1265" spans="1:8" s="4" customFormat="1" ht="81" customHeight="1" x14ac:dyDescent="0.25">
      <c r="A1265" s="75" t="s">
        <v>66</v>
      </c>
      <c r="B1265" s="94" t="s">
        <v>1097</v>
      </c>
      <c r="C1265" s="95" t="s">
        <v>1097</v>
      </c>
      <c r="D1265" s="71"/>
      <c r="E1265" s="46"/>
      <c r="F1265" s="96"/>
      <c r="G1265" s="96"/>
      <c r="H1265" s="97"/>
    </row>
    <row r="1266" spans="1:8" s="4" customFormat="1" ht="58.5" customHeight="1" x14ac:dyDescent="0.25">
      <c r="A1266" s="75" t="s">
        <v>1048</v>
      </c>
      <c r="B1266" s="94" t="s">
        <v>1049</v>
      </c>
      <c r="C1266" s="95" t="s">
        <v>1049</v>
      </c>
      <c r="D1266" s="71"/>
      <c r="E1266" s="46"/>
      <c r="F1266" s="96"/>
      <c r="G1266" s="96"/>
      <c r="H1266" s="97"/>
    </row>
    <row r="1267" spans="1:8" s="4" customFormat="1" ht="108" customHeight="1" x14ac:dyDescent="0.25">
      <c r="A1267" s="75" t="s">
        <v>1050</v>
      </c>
      <c r="B1267" s="94" t="s">
        <v>1051</v>
      </c>
      <c r="C1267" s="95" t="s">
        <v>1051</v>
      </c>
      <c r="D1267" s="71"/>
      <c r="E1267" s="46"/>
      <c r="F1267" s="96"/>
      <c r="G1267" s="96"/>
      <c r="H1267" s="97"/>
    </row>
    <row r="1268" spans="1:8" s="4" customFormat="1" ht="54.75" customHeight="1" x14ac:dyDescent="0.25">
      <c r="A1268" s="80" t="s">
        <v>1052</v>
      </c>
      <c r="B1268" s="94" t="s">
        <v>1080</v>
      </c>
      <c r="C1268" s="95" t="s">
        <v>1080</v>
      </c>
      <c r="D1268" s="71"/>
      <c r="E1268" s="87"/>
      <c r="F1268" s="166"/>
      <c r="G1268" s="166"/>
      <c r="H1268" s="167"/>
    </row>
    <row r="1269" spans="1:8" s="4" customFormat="1" ht="41.25" customHeight="1" x14ac:dyDescent="0.25">
      <c r="A1269" s="79" t="s">
        <v>1053</v>
      </c>
      <c r="B1269" s="94" t="s">
        <v>1054</v>
      </c>
      <c r="C1269" s="95" t="s">
        <v>1054</v>
      </c>
      <c r="D1269" s="71"/>
      <c r="E1269" s="88"/>
      <c r="F1269" s="172"/>
      <c r="G1269" s="172"/>
      <c r="H1269" s="173"/>
    </row>
    <row r="1270" spans="1:8" s="4" customFormat="1" ht="60.75" customHeight="1" x14ac:dyDescent="0.25">
      <c r="A1270" s="75" t="s">
        <v>1055</v>
      </c>
      <c r="B1270" s="94" t="s">
        <v>1081</v>
      </c>
      <c r="C1270" s="95" t="s">
        <v>1081</v>
      </c>
      <c r="D1270" s="71"/>
      <c r="E1270" s="46"/>
      <c r="F1270" s="96"/>
      <c r="G1270" s="96"/>
      <c r="H1270" s="97"/>
    </row>
    <row r="1271" spans="1:8" s="4" customFormat="1" ht="96.75" customHeight="1" x14ac:dyDescent="0.25">
      <c r="A1271" s="80" t="s">
        <v>1056</v>
      </c>
      <c r="B1271" s="94" t="s">
        <v>1057</v>
      </c>
      <c r="C1271" s="95" t="s">
        <v>1057</v>
      </c>
      <c r="D1271" s="71"/>
      <c r="E1271" s="87"/>
      <c r="F1271" s="166"/>
      <c r="G1271" s="166"/>
      <c r="H1271" s="167"/>
    </row>
    <row r="1272" spans="1:8" s="4" customFormat="1" ht="46.5" customHeight="1" x14ac:dyDescent="0.25">
      <c r="A1272" s="81" t="s">
        <v>1058</v>
      </c>
      <c r="B1272" s="94" t="s">
        <v>1098</v>
      </c>
      <c r="C1272" s="95" t="s">
        <v>1098</v>
      </c>
      <c r="D1272" s="71"/>
      <c r="E1272" s="88"/>
      <c r="F1272" s="172"/>
      <c r="G1272" s="172"/>
      <c r="H1272" s="173"/>
    </row>
    <row r="1273" spans="1:8" s="4" customFormat="1" ht="73.5" customHeight="1" x14ac:dyDescent="0.25">
      <c r="A1273" s="80" t="s">
        <v>1059</v>
      </c>
      <c r="B1273" s="94" t="s">
        <v>1082</v>
      </c>
      <c r="C1273" s="95" t="s">
        <v>1082</v>
      </c>
      <c r="D1273" s="71"/>
      <c r="E1273" s="87"/>
      <c r="F1273" s="166"/>
      <c r="G1273" s="166"/>
      <c r="H1273" s="167"/>
    </row>
    <row r="1274" spans="1:8" s="4" customFormat="1" ht="60" customHeight="1" x14ac:dyDescent="0.25">
      <c r="A1274" s="81" t="s">
        <v>1060</v>
      </c>
      <c r="B1274" s="94" t="s">
        <v>1061</v>
      </c>
      <c r="C1274" s="95" t="s">
        <v>1061</v>
      </c>
      <c r="D1274" s="71"/>
      <c r="E1274" s="88"/>
      <c r="F1274" s="172"/>
      <c r="G1274" s="172"/>
      <c r="H1274" s="173"/>
    </row>
    <row r="1275" spans="1:8" s="4" customFormat="1" ht="71.25" customHeight="1" x14ac:dyDescent="0.25">
      <c r="A1275" s="75" t="s">
        <v>1062</v>
      </c>
      <c r="B1275" s="94" t="s">
        <v>1063</v>
      </c>
      <c r="C1275" s="95" t="s">
        <v>1063</v>
      </c>
      <c r="D1275" s="71"/>
      <c r="E1275" s="46"/>
      <c r="F1275" s="96"/>
      <c r="G1275" s="96"/>
      <c r="H1275" s="97"/>
    </row>
    <row r="1276" spans="1:8" s="4" customFormat="1" ht="34.5" customHeight="1" x14ac:dyDescent="0.25">
      <c r="A1276" s="80" t="s">
        <v>1064</v>
      </c>
      <c r="B1276" s="94" t="s">
        <v>1065</v>
      </c>
      <c r="C1276" s="95" t="s">
        <v>1065</v>
      </c>
      <c r="D1276" s="71"/>
      <c r="E1276" s="87"/>
      <c r="F1276" s="166"/>
      <c r="G1276" s="166"/>
      <c r="H1276" s="167"/>
    </row>
    <row r="1277" spans="1:8" s="4" customFormat="1" ht="53.25" customHeight="1" x14ac:dyDescent="0.25">
      <c r="A1277" s="84" t="s">
        <v>1066</v>
      </c>
      <c r="B1277" s="94" t="s">
        <v>1067</v>
      </c>
      <c r="C1277" s="95" t="s">
        <v>1067</v>
      </c>
      <c r="D1277" s="71"/>
      <c r="E1277" s="89"/>
      <c r="F1277" s="174"/>
      <c r="G1277" s="174"/>
      <c r="H1277" s="175"/>
    </row>
    <row r="1278" spans="1:8" s="4" customFormat="1" ht="84" customHeight="1" x14ac:dyDescent="0.25">
      <c r="A1278" s="84" t="s">
        <v>1068</v>
      </c>
      <c r="B1278" s="94" t="s">
        <v>1069</v>
      </c>
      <c r="C1278" s="95" t="s">
        <v>1069</v>
      </c>
      <c r="D1278" s="71"/>
      <c r="E1278" s="89"/>
      <c r="F1278" s="174"/>
      <c r="G1278" s="174"/>
      <c r="H1278" s="175"/>
    </row>
    <row r="1279" spans="1:8" s="4" customFormat="1" ht="47.25" customHeight="1" x14ac:dyDescent="0.25">
      <c r="A1279" s="84" t="s">
        <v>1070</v>
      </c>
      <c r="B1279" s="94" t="s">
        <v>1071</v>
      </c>
      <c r="C1279" s="95" t="s">
        <v>1071</v>
      </c>
      <c r="D1279" s="71"/>
      <c r="E1279" s="89"/>
      <c r="F1279" s="174"/>
      <c r="G1279" s="174"/>
      <c r="H1279" s="175"/>
    </row>
    <row r="1280" spans="1:8" s="4" customFormat="1" ht="47.25" customHeight="1" x14ac:dyDescent="0.25">
      <c r="A1280" s="81" t="s">
        <v>1072</v>
      </c>
      <c r="B1280" s="94" t="s">
        <v>1073</v>
      </c>
      <c r="C1280" s="95" t="s">
        <v>1073</v>
      </c>
      <c r="D1280" s="71"/>
      <c r="E1280" s="88"/>
      <c r="F1280" s="172"/>
      <c r="G1280" s="172"/>
      <c r="H1280" s="173"/>
    </row>
    <row r="1281" spans="1:9" s="4" customFormat="1" ht="57.75" customHeight="1" x14ac:dyDescent="0.25">
      <c r="A1281" s="74" t="s">
        <v>1095</v>
      </c>
      <c r="B1281" s="94" t="s">
        <v>1075</v>
      </c>
      <c r="C1281" s="95" t="s">
        <v>1075</v>
      </c>
      <c r="D1281" s="71"/>
      <c r="E1281" s="46"/>
      <c r="F1281" s="96"/>
      <c r="G1281" s="96"/>
      <c r="H1281" s="97"/>
    </row>
    <row r="1282" spans="1:9" s="4" customFormat="1" ht="69" customHeight="1" x14ac:dyDescent="0.25">
      <c r="A1282" s="74" t="s">
        <v>1074</v>
      </c>
      <c r="B1282" s="94" t="s">
        <v>1083</v>
      </c>
      <c r="C1282" s="95" t="s">
        <v>1083</v>
      </c>
      <c r="D1282" s="71"/>
      <c r="E1282" s="46"/>
      <c r="F1282" s="96"/>
      <c r="G1282" s="96"/>
      <c r="H1282" s="97"/>
    </row>
    <row r="1283" spans="1:9" s="4" customFormat="1" ht="29.25" customHeight="1" thickBot="1" x14ac:dyDescent="0.3">
      <c r="A1283" s="85" t="s">
        <v>1076</v>
      </c>
      <c r="B1283" s="188" t="s">
        <v>1099</v>
      </c>
      <c r="C1283" s="189" t="s">
        <v>1099</v>
      </c>
      <c r="D1283" s="72"/>
      <c r="E1283" s="46"/>
      <c r="F1283" s="179"/>
      <c r="G1283" s="179"/>
      <c r="H1283" s="180"/>
    </row>
    <row r="1284" spans="1:9" s="3" customFormat="1" ht="5.0999999999999996" customHeight="1" x14ac:dyDescent="0.25">
      <c r="A1284" s="7"/>
      <c r="B1284" s="7"/>
      <c r="C1284" s="7"/>
      <c r="D1284" s="7"/>
      <c r="E1284" s="7"/>
      <c r="F1284" s="7"/>
      <c r="G1284" s="7"/>
      <c r="H1284" s="24"/>
    </row>
    <row r="1285" spans="1:9" s="2" customFormat="1" ht="20.100000000000001" customHeight="1" x14ac:dyDescent="0.25">
      <c r="A1285" s="118" t="s">
        <v>1087</v>
      </c>
      <c r="B1285" s="118"/>
      <c r="C1285" s="118"/>
      <c r="D1285" s="118"/>
      <c r="E1285" s="118"/>
      <c r="F1285" s="118"/>
      <c r="G1285" s="118"/>
      <c r="H1285" s="118"/>
    </row>
    <row r="1286" spans="1:9" s="3" customFormat="1" ht="30" customHeight="1" x14ac:dyDescent="0.25">
      <c r="A1286" s="5" t="s">
        <v>12</v>
      </c>
      <c r="B1286" s="142" t="s">
        <v>1101</v>
      </c>
      <c r="C1286" s="142"/>
      <c r="D1286" s="142"/>
      <c r="E1286" s="142"/>
      <c r="F1286" s="142"/>
      <c r="G1286" s="142"/>
      <c r="H1286" s="142"/>
      <c r="I1286" s="2"/>
    </row>
    <row r="1287" spans="1:9" s="26" customFormat="1" ht="30" customHeight="1" x14ac:dyDescent="0.25">
      <c r="A1287" s="143" t="s">
        <v>1012</v>
      </c>
      <c r="B1287" s="143"/>
      <c r="C1287" s="143"/>
      <c r="D1287" s="143"/>
      <c r="E1287" s="143"/>
      <c r="F1287" s="143"/>
      <c r="G1287" s="143"/>
      <c r="H1287" s="3"/>
      <c r="I1287" s="2"/>
    </row>
    <row r="1288" spans="1:9" s="2" customFormat="1" ht="24.95" customHeight="1" x14ac:dyDescent="0.2">
      <c r="A1288" s="25" t="s">
        <v>27</v>
      </c>
      <c r="B1288" s="90"/>
      <c r="C1288" s="90"/>
      <c r="D1288" s="90"/>
      <c r="E1288" s="90"/>
      <c r="F1288" s="12"/>
      <c r="H1288" s="26"/>
    </row>
    <row r="1289" spans="1:9" s="2" customFormat="1" ht="24.95" customHeight="1" x14ac:dyDescent="0.2">
      <c r="A1289" s="25" t="s">
        <v>28</v>
      </c>
      <c r="B1289" s="90"/>
      <c r="C1289" s="90"/>
      <c r="D1289" s="90"/>
      <c r="E1289" s="90"/>
      <c r="F1289" s="12"/>
      <c r="H1289" s="26"/>
    </row>
    <row r="1290" spans="1:9" s="2" customFormat="1" ht="24.95" customHeight="1" x14ac:dyDescent="0.2">
      <c r="A1290" s="25" t="s">
        <v>29</v>
      </c>
      <c r="B1290" s="66"/>
      <c r="C1290" s="90"/>
      <c r="D1290" s="90"/>
      <c r="E1290" s="90"/>
      <c r="F1290" s="12"/>
      <c r="H1290" s="26"/>
    </row>
    <row r="1291" spans="1:9" s="3" customFormat="1" ht="24.95" customHeight="1" x14ac:dyDescent="0.2">
      <c r="A1291" s="25" t="s">
        <v>30</v>
      </c>
      <c r="B1291" s="90"/>
      <c r="C1291" s="90"/>
      <c r="D1291" s="90"/>
      <c r="E1291" s="90"/>
      <c r="F1291" s="12"/>
      <c r="G1291" s="2"/>
      <c r="H1291" s="27"/>
      <c r="I1291" s="2"/>
    </row>
    <row r="1292" spans="1:9" s="2" customFormat="1" ht="36" customHeight="1" x14ac:dyDescent="0.2">
      <c r="A1292" s="11"/>
      <c r="B1292" s="12"/>
      <c r="C1292" s="12"/>
      <c r="D1292" s="12"/>
      <c r="E1292" s="12"/>
      <c r="F1292" s="12"/>
      <c r="H1292" s="28"/>
    </row>
    <row r="1293" spans="1:9" s="3" customFormat="1" ht="15" customHeight="1" x14ac:dyDescent="0.25">
      <c r="A1293" s="144" t="s">
        <v>31</v>
      </c>
      <c r="B1293" s="144"/>
      <c r="C1293" s="144"/>
      <c r="D1293" s="144"/>
      <c r="E1293" s="144"/>
      <c r="F1293" s="144"/>
      <c r="G1293" s="144"/>
      <c r="H1293" s="144"/>
    </row>
    <row r="1294" spans="1:9" s="2" customFormat="1" ht="36.75" customHeight="1" x14ac:dyDescent="0.25">
      <c r="A1294" s="141" t="s">
        <v>41</v>
      </c>
      <c r="B1294" s="141"/>
      <c r="C1294" s="141"/>
      <c r="D1294" s="141"/>
      <c r="E1294" s="141"/>
      <c r="F1294" s="141"/>
      <c r="G1294" s="141"/>
      <c r="H1294" s="141"/>
    </row>
    <row r="1295" spans="1:9" s="2" customFormat="1" ht="20.100000000000001" customHeight="1" x14ac:dyDescent="0.2">
      <c r="A1295" s="1"/>
      <c r="B1295" s="1"/>
      <c r="C1295" s="1"/>
      <c r="D1295" s="1"/>
      <c r="E1295" s="8"/>
      <c r="F1295" s="8"/>
      <c r="G1295" s="8"/>
    </row>
    <row r="1296" spans="1:9" s="3" customFormat="1" ht="4.5" customHeight="1" x14ac:dyDescent="0.2">
      <c r="A1296" s="1"/>
      <c r="B1296" s="1"/>
      <c r="C1296" s="1"/>
      <c r="D1296" s="1"/>
      <c r="E1296" s="8"/>
      <c r="F1296" s="8"/>
      <c r="G1296" s="8"/>
      <c r="H1296" s="2"/>
    </row>
    <row r="1297" spans="1:7" s="3" customFormat="1" ht="20.100000000000001" customHeight="1" x14ac:dyDescent="0.25">
      <c r="A1297" s="29" t="s">
        <v>32</v>
      </c>
      <c r="B1297" s="30"/>
      <c r="C1297" s="1"/>
      <c r="D1297" s="1"/>
      <c r="E1297" s="31" t="s">
        <v>33</v>
      </c>
      <c r="F1297" s="138"/>
      <c r="G1297" s="138"/>
    </row>
    <row r="1298" spans="1:7" s="3" customFormat="1" ht="20.100000000000001" customHeight="1" x14ac:dyDescent="0.25">
      <c r="A1298" s="32"/>
      <c r="B1298" s="32"/>
      <c r="C1298" s="1"/>
      <c r="D1298" s="1"/>
      <c r="E1298" s="32"/>
      <c r="F1298" s="33"/>
      <c r="G1298" s="33"/>
    </row>
    <row r="1299" spans="1:7" ht="20.100000000000001" customHeight="1" x14ac:dyDescent="0.2">
      <c r="A1299" s="29" t="s">
        <v>34</v>
      </c>
      <c r="B1299" s="30"/>
      <c r="E1299" s="34" t="s">
        <v>35</v>
      </c>
      <c r="F1299" s="139"/>
      <c r="G1299" s="139"/>
    </row>
    <row r="1300" spans="1:7" s="2" customFormat="1" ht="20.100000000000001" customHeight="1" x14ac:dyDescent="0.2">
      <c r="A1300" s="1"/>
      <c r="B1300" s="1"/>
      <c r="C1300" s="1"/>
      <c r="D1300" s="1"/>
      <c r="E1300" s="34" t="s">
        <v>36</v>
      </c>
      <c r="F1300" s="140"/>
      <c r="G1300" s="140"/>
    </row>
    <row r="1301" spans="1:7" s="2" customFormat="1" ht="20.100000000000001" customHeight="1" x14ac:dyDescent="0.2">
      <c r="A1301" s="1"/>
      <c r="B1301" s="1"/>
      <c r="C1301" s="1"/>
      <c r="D1301" s="1"/>
      <c r="E1301" s="35" t="s">
        <v>37</v>
      </c>
      <c r="G1301" s="1"/>
    </row>
    <row r="1302" spans="1:7" s="2" customFormat="1" ht="37.5" customHeight="1" x14ac:dyDescent="0.25"/>
    <row r="1303" spans="1:7" s="2" customFormat="1" ht="24" customHeight="1" x14ac:dyDescent="0.25"/>
    <row r="1304" spans="1:7" s="2" customFormat="1" ht="24" customHeight="1" x14ac:dyDescent="0.25"/>
    <row r="1305" spans="1:7" s="2" customFormat="1" ht="24" customHeight="1" x14ac:dyDescent="0.25"/>
    <row r="1306" spans="1:7" s="2" customFormat="1" ht="20.100000000000001" customHeight="1" x14ac:dyDescent="0.25"/>
    <row r="1307" spans="1:7" s="2" customFormat="1" ht="20.100000000000001" customHeight="1" x14ac:dyDescent="0.25"/>
    <row r="1308" spans="1:7" s="2" customFormat="1" ht="50.1" customHeight="1" x14ac:dyDescent="0.25"/>
    <row r="1309" spans="1:7" s="2" customFormat="1" ht="43.5" customHeight="1" x14ac:dyDescent="0.25"/>
    <row r="1310" spans="1:7" ht="24.75" customHeight="1" x14ac:dyDescent="0.2">
      <c r="A1310" s="2"/>
      <c r="B1310" s="2"/>
      <c r="C1310" s="2"/>
      <c r="D1310" s="2"/>
      <c r="E1310" s="2"/>
      <c r="F1310" s="2"/>
      <c r="G1310" s="2"/>
    </row>
    <row r="1311" spans="1:7" x14ac:dyDescent="0.2">
      <c r="A1311" s="2"/>
      <c r="B1311" s="2"/>
      <c r="C1311" s="2"/>
      <c r="D1311" s="2"/>
      <c r="E1311" s="2"/>
      <c r="F1311" s="2"/>
      <c r="G1311" s="2"/>
    </row>
    <row r="1312" spans="1:7" ht="20.100000000000001" customHeight="1" x14ac:dyDescent="0.2"/>
    <row r="1313" ht="4.5" customHeight="1" x14ac:dyDescent="0.2"/>
    <row r="1314" ht="20.100000000000001" customHeight="1" x14ac:dyDescent="0.2"/>
    <row r="1315" ht="20.100000000000001" customHeight="1" x14ac:dyDescent="0.2"/>
    <row r="1316" ht="20.100000000000001" customHeight="1" x14ac:dyDescent="0.2"/>
  </sheetData>
  <mergeCells count="1824">
    <mergeCell ref="A28:F28"/>
    <mergeCell ref="H27:H28"/>
    <mergeCell ref="F1282:H1282"/>
    <mergeCell ref="F1283:H1283"/>
    <mergeCell ref="F1244:H1247"/>
    <mergeCell ref="E1249:E1250"/>
    <mergeCell ref="F1249:H1250"/>
    <mergeCell ref="E1260:E1261"/>
    <mergeCell ref="F1260:H1261"/>
    <mergeCell ref="B1282:C1282"/>
    <mergeCell ref="B1283:C1283"/>
    <mergeCell ref="E1244:E1247"/>
    <mergeCell ref="F1232:H1232"/>
    <mergeCell ref="F1233:H1233"/>
    <mergeCell ref="F1234:H1234"/>
    <mergeCell ref="F1235:H1235"/>
    <mergeCell ref="F1236:H1236"/>
    <mergeCell ref="F1237:H1237"/>
    <mergeCell ref="F1238:H1238"/>
    <mergeCell ref="F1239:H1239"/>
    <mergeCell ref="F1240:H1240"/>
    <mergeCell ref="F1241:H1241"/>
    <mergeCell ref="F1242:H1242"/>
    <mergeCell ref="F1243:H1243"/>
    <mergeCell ref="F1248:H1248"/>
    <mergeCell ref="F1251:H1251"/>
    <mergeCell ref="F1252:H1252"/>
    <mergeCell ref="F1253:H1253"/>
    <mergeCell ref="F1254:H1254"/>
    <mergeCell ref="B1272:C1272"/>
    <mergeCell ref="B1273:C1273"/>
    <mergeCell ref="B1274:C1274"/>
    <mergeCell ref="B1275:C1275"/>
    <mergeCell ref="B1276:C1276"/>
    <mergeCell ref="B1277:C1277"/>
    <mergeCell ref="B1278:C1278"/>
    <mergeCell ref="B1279:C1279"/>
    <mergeCell ref="B1280:C1280"/>
    <mergeCell ref="F1272:H1272"/>
    <mergeCell ref="F1273:H1273"/>
    <mergeCell ref="F1274:H1274"/>
    <mergeCell ref="F1275:H1275"/>
    <mergeCell ref="F1276:H1276"/>
    <mergeCell ref="F1277:H1277"/>
    <mergeCell ref="F1278:H1278"/>
    <mergeCell ref="F1279:H1279"/>
    <mergeCell ref="F1280:H1280"/>
    <mergeCell ref="B1263:C1263"/>
    <mergeCell ref="B1264:C1264"/>
    <mergeCell ref="B1265:C1265"/>
    <mergeCell ref="B1266:C1266"/>
    <mergeCell ref="B1267:C1267"/>
    <mergeCell ref="B1268:C1268"/>
    <mergeCell ref="B1269:C1269"/>
    <mergeCell ref="B1270:C1270"/>
    <mergeCell ref="B1271:C1271"/>
    <mergeCell ref="F1263:H1263"/>
    <mergeCell ref="F1264:H1264"/>
    <mergeCell ref="F1265:H1265"/>
    <mergeCell ref="F1266:H1266"/>
    <mergeCell ref="F1267:H1267"/>
    <mergeCell ref="F1268:H1268"/>
    <mergeCell ref="F1269:H1269"/>
    <mergeCell ref="F1270:H1270"/>
    <mergeCell ref="F1271:H1271"/>
    <mergeCell ref="B1254:C1254"/>
    <mergeCell ref="B1255:C1255"/>
    <mergeCell ref="B1256:C1256"/>
    <mergeCell ref="B1257:C1257"/>
    <mergeCell ref="B1258:C1258"/>
    <mergeCell ref="B1259:C1259"/>
    <mergeCell ref="B1260:C1260"/>
    <mergeCell ref="B1261:C1261"/>
    <mergeCell ref="B1262:C1262"/>
    <mergeCell ref="F1255:H1255"/>
    <mergeCell ref="F1256:H1256"/>
    <mergeCell ref="F1257:H1257"/>
    <mergeCell ref="F1258:H1258"/>
    <mergeCell ref="F1259:H1259"/>
    <mergeCell ref="F1262:H1262"/>
    <mergeCell ref="B1245:C1245"/>
    <mergeCell ref="B1246:C1246"/>
    <mergeCell ref="B1247:C1247"/>
    <mergeCell ref="B1248:C1248"/>
    <mergeCell ref="B1249:C1249"/>
    <mergeCell ref="B1250:C1250"/>
    <mergeCell ref="B1251:C1251"/>
    <mergeCell ref="B1252:C1252"/>
    <mergeCell ref="B1253:C1253"/>
    <mergeCell ref="B1236:C1236"/>
    <mergeCell ref="B1237:C1237"/>
    <mergeCell ref="B1238:C1238"/>
    <mergeCell ref="B1239:C1239"/>
    <mergeCell ref="B1240:C1240"/>
    <mergeCell ref="B1241:C1241"/>
    <mergeCell ref="B1242:C1242"/>
    <mergeCell ref="B1243:C1243"/>
    <mergeCell ref="B1244:C1244"/>
    <mergeCell ref="C1220:C1226"/>
    <mergeCell ref="D1220:D1226"/>
    <mergeCell ref="G1220:H1220"/>
    <mergeCell ref="A1228:H1228"/>
    <mergeCell ref="A1230:C1231"/>
    <mergeCell ref="E1230:H1230"/>
    <mergeCell ref="F1231:H1231"/>
    <mergeCell ref="B1232:C1232"/>
    <mergeCell ref="B1233:C1233"/>
    <mergeCell ref="B1234:C1234"/>
    <mergeCell ref="B1235:C1235"/>
    <mergeCell ref="F1220:F1226"/>
    <mergeCell ref="C1205:C1207"/>
    <mergeCell ref="D1205:D1207"/>
    <mergeCell ref="F1205:F1207"/>
    <mergeCell ref="G1205:H1205"/>
    <mergeCell ref="G1206:H1206"/>
    <mergeCell ref="G1207:H1207"/>
    <mergeCell ref="C1209:C1214"/>
    <mergeCell ref="D1209:D1214"/>
    <mergeCell ref="F1209:F1214"/>
    <mergeCell ref="G1209:H1209"/>
    <mergeCell ref="G1210:H1210"/>
    <mergeCell ref="G1211:H1211"/>
    <mergeCell ref="G1212:H1212"/>
    <mergeCell ref="G1213:H1213"/>
    <mergeCell ref="G1214:H1214"/>
    <mergeCell ref="C1192:C1196"/>
    <mergeCell ref="D1192:D1196"/>
    <mergeCell ref="F1192:F1196"/>
    <mergeCell ref="G1192:H1192"/>
    <mergeCell ref="G1193:H1193"/>
    <mergeCell ref="G1194:H1194"/>
    <mergeCell ref="G1195:H1195"/>
    <mergeCell ref="G1196:H1196"/>
    <mergeCell ref="C1198:C1203"/>
    <mergeCell ref="D1198:D1203"/>
    <mergeCell ref="F1198:F1203"/>
    <mergeCell ref="G1198:H1198"/>
    <mergeCell ref="G1199:H1199"/>
    <mergeCell ref="G1200:H1200"/>
    <mergeCell ref="G1201:H1201"/>
    <mergeCell ref="G1202:H1202"/>
    <mergeCell ref="G1203:H1203"/>
    <mergeCell ref="C1174:C1178"/>
    <mergeCell ref="D1174:D1178"/>
    <mergeCell ref="F1174:F1178"/>
    <mergeCell ref="G1174:H1174"/>
    <mergeCell ref="G1175:H1175"/>
    <mergeCell ref="G1176:H1176"/>
    <mergeCell ref="G1177:H1177"/>
    <mergeCell ref="G1178:H1178"/>
    <mergeCell ref="C1187:C1190"/>
    <mergeCell ref="D1187:D1190"/>
    <mergeCell ref="F1187:F1190"/>
    <mergeCell ref="G1187:H1187"/>
    <mergeCell ref="G1188:H1188"/>
    <mergeCell ref="G1189:H1189"/>
    <mergeCell ref="G1190:H1190"/>
    <mergeCell ref="C1162:C1166"/>
    <mergeCell ref="D1162:D1166"/>
    <mergeCell ref="F1162:F1166"/>
    <mergeCell ref="G1162:H1162"/>
    <mergeCell ref="G1163:H1163"/>
    <mergeCell ref="G1164:H1164"/>
    <mergeCell ref="G1165:H1165"/>
    <mergeCell ref="G1166:H1166"/>
    <mergeCell ref="C1168:C1172"/>
    <mergeCell ref="D1168:D1172"/>
    <mergeCell ref="F1168:F1172"/>
    <mergeCell ref="G1168:H1168"/>
    <mergeCell ref="G1169:H1169"/>
    <mergeCell ref="G1170:H1170"/>
    <mergeCell ref="G1171:H1171"/>
    <mergeCell ref="G1172:H1172"/>
    <mergeCell ref="G1181:H1181"/>
    <mergeCell ref="C1146:C1154"/>
    <mergeCell ref="D1146:D1154"/>
    <mergeCell ref="F1146:F1154"/>
    <mergeCell ref="G1146:H1146"/>
    <mergeCell ref="G1147:H1147"/>
    <mergeCell ref="G1148:H1148"/>
    <mergeCell ref="G1149:H1149"/>
    <mergeCell ref="G1150:H1150"/>
    <mergeCell ref="G1151:H1151"/>
    <mergeCell ref="G1152:H1152"/>
    <mergeCell ref="G1153:H1153"/>
    <mergeCell ref="G1154:H1154"/>
    <mergeCell ref="C1156:C1160"/>
    <mergeCell ref="D1156:D1160"/>
    <mergeCell ref="F1156:F1160"/>
    <mergeCell ref="G1156:H1156"/>
    <mergeCell ref="G1157:H1157"/>
    <mergeCell ref="G1158:H1158"/>
    <mergeCell ref="G1159:H1159"/>
    <mergeCell ref="G1160:H1160"/>
    <mergeCell ref="C1135:C1139"/>
    <mergeCell ref="D1135:D1139"/>
    <mergeCell ref="F1135:F1139"/>
    <mergeCell ref="G1135:H1135"/>
    <mergeCell ref="G1136:H1136"/>
    <mergeCell ref="G1137:H1137"/>
    <mergeCell ref="G1138:H1138"/>
    <mergeCell ref="G1139:H1139"/>
    <mergeCell ref="C1141:C1144"/>
    <mergeCell ref="D1141:D1144"/>
    <mergeCell ref="F1141:F1144"/>
    <mergeCell ref="G1141:H1141"/>
    <mergeCell ref="G1142:H1142"/>
    <mergeCell ref="G1143:H1143"/>
    <mergeCell ref="G1144:H1144"/>
    <mergeCell ref="C1121:C1126"/>
    <mergeCell ref="D1121:D1126"/>
    <mergeCell ref="F1121:F1126"/>
    <mergeCell ref="G1121:H1121"/>
    <mergeCell ref="G1122:H1122"/>
    <mergeCell ref="G1123:H1123"/>
    <mergeCell ref="G1124:H1124"/>
    <mergeCell ref="G1125:H1125"/>
    <mergeCell ref="G1126:H1126"/>
    <mergeCell ref="C1128:C1133"/>
    <mergeCell ref="D1128:D1133"/>
    <mergeCell ref="F1128:F1133"/>
    <mergeCell ref="G1128:H1128"/>
    <mergeCell ref="G1129:H1129"/>
    <mergeCell ref="G1130:H1130"/>
    <mergeCell ref="G1131:H1131"/>
    <mergeCell ref="G1132:H1132"/>
    <mergeCell ref="G1133:H1133"/>
    <mergeCell ref="C1103:C1110"/>
    <mergeCell ref="D1103:D1110"/>
    <mergeCell ref="F1103:F1110"/>
    <mergeCell ref="G1103:H1103"/>
    <mergeCell ref="G1104:H1104"/>
    <mergeCell ref="G1105:H1105"/>
    <mergeCell ref="G1106:H1106"/>
    <mergeCell ref="G1107:H1107"/>
    <mergeCell ref="G1108:H1108"/>
    <mergeCell ref="G1109:H1109"/>
    <mergeCell ref="G1110:H1110"/>
    <mergeCell ref="C1112:C1119"/>
    <mergeCell ref="D1112:D1119"/>
    <mergeCell ref="F1112:F1119"/>
    <mergeCell ref="G1112:H1112"/>
    <mergeCell ref="G1113:H1113"/>
    <mergeCell ref="G1114:H1114"/>
    <mergeCell ref="G1115:H1115"/>
    <mergeCell ref="G1116:H1116"/>
    <mergeCell ref="G1117:H1117"/>
    <mergeCell ref="G1118:H1118"/>
    <mergeCell ref="G1119:H1119"/>
    <mergeCell ref="C1087:C1092"/>
    <mergeCell ref="D1087:D1092"/>
    <mergeCell ref="F1087:F1092"/>
    <mergeCell ref="G1087:H1087"/>
    <mergeCell ref="G1088:H1088"/>
    <mergeCell ref="G1089:H1089"/>
    <mergeCell ref="G1090:H1090"/>
    <mergeCell ref="G1091:H1091"/>
    <mergeCell ref="G1092:H1092"/>
    <mergeCell ref="C1094:C1101"/>
    <mergeCell ref="D1094:D1101"/>
    <mergeCell ref="F1094:F1101"/>
    <mergeCell ref="G1094:H1094"/>
    <mergeCell ref="G1095:H1095"/>
    <mergeCell ref="G1096:H1096"/>
    <mergeCell ref="G1097:H1097"/>
    <mergeCell ref="G1098:H1098"/>
    <mergeCell ref="G1099:H1099"/>
    <mergeCell ref="G1100:H1100"/>
    <mergeCell ref="G1101:H1101"/>
    <mergeCell ref="C1073:C1079"/>
    <mergeCell ref="D1073:D1079"/>
    <mergeCell ref="F1073:F1079"/>
    <mergeCell ref="G1073:H1073"/>
    <mergeCell ref="G1074:H1074"/>
    <mergeCell ref="G1075:H1075"/>
    <mergeCell ref="G1076:H1076"/>
    <mergeCell ref="G1077:H1077"/>
    <mergeCell ref="G1078:H1078"/>
    <mergeCell ref="G1079:H1079"/>
    <mergeCell ref="C1081:C1085"/>
    <mergeCell ref="D1081:D1085"/>
    <mergeCell ref="F1081:F1085"/>
    <mergeCell ref="G1081:H1081"/>
    <mergeCell ref="G1082:H1082"/>
    <mergeCell ref="G1083:H1083"/>
    <mergeCell ref="G1084:H1084"/>
    <mergeCell ref="G1085:H1085"/>
    <mergeCell ref="C1059:C1065"/>
    <mergeCell ref="D1059:D1065"/>
    <mergeCell ref="F1059:F1065"/>
    <mergeCell ref="G1059:H1059"/>
    <mergeCell ref="G1060:H1060"/>
    <mergeCell ref="G1061:H1061"/>
    <mergeCell ref="G1062:H1062"/>
    <mergeCell ref="G1063:H1063"/>
    <mergeCell ref="G1064:H1064"/>
    <mergeCell ref="G1065:H1065"/>
    <mergeCell ref="C1067:C1071"/>
    <mergeCell ref="D1067:D1071"/>
    <mergeCell ref="F1067:F1071"/>
    <mergeCell ref="G1067:H1067"/>
    <mergeCell ref="G1068:H1068"/>
    <mergeCell ref="G1069:H1069"/>
    <mergeCell ref="G1070:H1070"/>
    <mergeCell ref="G1071:H1071"/>
    <mergeCell ref="C1049:C1051"/>
    <mergeCell ref="D1049:D1051"/>
    <mergeCell ref="F1049:F1051"/>
    <mergeCell ref="G1049:H1049"/>
    <mergeCell ref="G1050:H1050"/>
    <mergeCell ref="G1051:H1051"/>
    <mergeCell ref="C1053:C1057"/>
    <mergeCell ref="D1053:D1057"/>
    <mergeCell ref="F1053:F1057"/>
    <mergeCell ref="G1053:H1053"/>
    <mergeCell ref="G1054:H1054"/>
    <mergeCell ref="G1055:H1055"/>
    <mergeCell ref="G1056:H1056"/>
    <mergeCell ref="G1057:H1057"/>
    <mergeCell ref="C1035:C1040"/>
    <mergeCell ref="D1035:D1040"/>
    <mergeCell ref="F1035:F1040"/>
    <mergeCell ref="G1035:H1035"/>
    <mergeCell ref="G1036:H1036"/>
    <mergeCell ref="G1037:H1037"/>
    <mergeCell ref="G1038:H1038"/>
    <mergeCell ref="G1039:H1039"/>
    <mergeCell ref="G1040:H1040"/>
    <mergeCell ref="C1042:C1047"/>
    <mergeCell ref="D1042:D1047"/>
    <mergeCell ref="F1042:F1047"/>
    <mergeCell ref="G1042:H1042"/>
    <mergeCell ref="G1043:H1043"/>
    <mergeCell ref="G1044:H1044"/>
    <mergeCell ref="G1045:H1045"/>
    <mergeCell ref="G1046:H1046"/>
    <mergeCell ref="G1047:H1047"/>
    <mergeCell ref="C1019:C1026"/>
    <mergeCell ref="D1019:D1026"/>
    <mergeCell ref="F1019:F1026"/>
    <mergeCell ref="G1019:H1019"/>
    <mergeCell ref="G1020:H1020"/>
    <mergeCell ref="G1021:H1021"/>
    <mergeCell ref="G1022:H1022"/>
    <mergeCell ref="G1023:H1023"/>
    <mergeCell ref="G1024:H1024"/>
    <mergeCell ref="G1025:H1025"/>
    <mergeCell ref="G1026:H1026"/>
    <mergeCell ref="C1028:C1033"/>
    <mergeCell ref="D1028:D1033"/>
    <mergeCell ref="F1028:F1033"/>
    <mergeCell ref="G1028:H1028"/>
    <mergeCell ref="G1029:H1029"/>
    <mergeCell ref="G1030:H1030"/>
    <mergeCell ref="G1031:H1031"/>
    <mergeCell ref="G1032:H1032"/>
    <mergeCell ref="G1033:H1033"/>
    <mergeCell ref="C1000:C1008"/>
    <mergeCell ref="D1000:D1008"/>
    <mergeCell ref="F1000:F1008"/>
    <mergeCell ref="G1000:H1000"/>
    <mergeCell ref="G1001:H1001"/>
    <mergeCell ref="G1002:H1002"/>
    <mergeCell ref="G1003:H1003"/>
    <mergeCell ref="G1004:H1004"/>
    <mergeCell ref="G1005:H1005"/>
    <mergeCell ref="G1006:H1006"/>
    <mergeCell ref="G1007:H1007"/>
    <mergeCell ref="G1008:H1008"/>
    <mergeCell ref="C1010:C1017"/>
    <mergeCell ref="D1010:D1017"/>
    <mergeCell ref="F1010:F1017"/>
    <mergeCell ref="G1010:H1010"/>
    <mergeCell ref="G1011:H1011"/>
    <mergeCell ref="G1012:H1012"/>
    <mergeCell ref="G1013:H1013"/>
    <mergeCell ref="G1014:H1014"/>
    <mergeCell ref="G1015:H1015"/>
    <mergeCell ref="G1016:H1016"/>
    <mergeCell ref="G1017:H1017"/>
    <mergeCell ref="C978:C988"/>
    <mergeCell ref="D978:D988"/>
    <mergeCell ref="F978:F988"/>
    <mergeCell ref="G978:H978"/>
    <mergeCell ref="G979:H979"/>
    <mergeCell ref="G980:H980"/>
    <mergeCell ref="G981:H981"/>
    <mergeCell ref="G982:H982"/>
    <mergeCell ref="G983:H983"/>
    <mergeCell ref="G984:H984"/>
    <mergeCell ref="G985:H985"/>
    <mergeCell ref="G986:H986"/>
    <mergeCell ref="G987:H987"/>
    <mergeCell ref="G988:H988"/>
    <mergeCell ref="C990:C998"/>
    <mergeCell ref="D990:D998"/>
    <mergeCell ref="F990:F998"/>
    <mergeCell ref="G990:H990"/>
    <mergeCell ref="G991:H991"/>
    <mergeCell ref="G992:H992"/>
    <mergeCell ref="G993:H993"/>
    <mergeCell ref="G994:H994"/>
    <mergeCell ref="G995:H995"/>
    <mergeCell ref="G996:H996"/>
    <mergeCell ref="G997:H997"/>
    <mergeCell ref="G998:H998"/>
    <mergeCell ref="C958:C966"/>
    <mergeCell ref="D958:D966"/>
    <mergeCell ref="F958:F966"/>
    <mergeCell ref="G958:H958"/>
    <mergeCell ref="G959:H959"/>
    <mergeCell ref="G960:H960"/>
    <mergeCell ref="G961:H961"/>
    <mergeCell ref="G962:H962"/>
    <mergeCell ref="G963:H963"/>
    <mergeCell ref="G964:H964"/>
    <mergeCell ref="G965:H965"/>
    <mergeCell ref="G966:H966"/>
    <mergeCell ref="C968:C976"/>
    <mergeCell ref="D968:D976"/>
    <mergeCell ref="F968:F976"/>
    <mergeCell ref="G968:H968"/>
    <mergeCell ref="G969:H969"/>
    <mergeCell ref="G970:H970"/>
    <mergeCell ref="G971:H971"/>
    <mergeCell ref="G972:H972"/>
    <mergeCell ref="G973:H973"/>
    <mergeCell ref="G974:H974"/>
    <mergeCell ref="G975:H975"/>
    <mergeCell ref="G976:H976"/>
    <mergeCell ref="C943:C950"/>
    <mergeCell ref="D943:D950"/>
    <mergeCell ref="F943:F950"/>
    <mergeCell ref="G943:H943"/>
    <mergeCell ref="G944:H944"/>
    <mergeCell ref="G945:H945"/>
    <mergeCell ref="G946:H946"/>
    <mergeCell ref="G947:H947"/>
    <mergeCell ref="G948:H948"/>
    <mergeCell ref="G949:H949"/>
    <mergeCell ref="G950:H950"/>
    <mergeCell ref="C952:C956"/>
    <mergeCell ref="D952:D956"/>
    <mergeCell ref="F952:F956"/>
    <mergeCell ref="G952:H952"/>
    <mergeCell ref="G953:H953"/>
    <mergeCell ref="G954:H954"/>
    <mergeCell ref="G955:H955"/>
    <mergeCell ref="G956:H956"/>
    <mergeCell ref="C925:C931"/>
    <mergeCell ref="D925:D931"/>
    <mergeCell ref="F925:F931"/>
    <mergeCell ref="G925:H925"/>
    <mergeCell ref="G926:H926"/>
    <mergeCell ref="G927:H927"/>
    <mergeCell ref="G928:H928"/>
    <mergeCell ref="G929:H929"/>
    <mergeCell ref="G930:H930"/>
    <mergeCell ref="G931:H931"/>
    <mergeCell ref="C933:C941"/>
    <mergeCell ref="D933:D941"/>
    <mergeCell ref="F933:F941"/>
    <mergeCell ref="G933:H933"/>
    <mergeCell ref="G934:H934"/>
    <mergeCell ref="G935:H935"/>
    <mergeCell ref="G936:H936"/>
    <mergeCell ref="G937:H937"/>
    <mergeCell ref="G938:H938"/>
    <mergeCell ref="G939:H939"/>
    <mergeCell ref="G940:H940"/>
    <mergeCell ref="G941:H941"/>
    <mergeCell ref="C912:C916"/>
    <mergeCell ref="D912:D916"/>
    <mergeCell ref="F912:F916"/>
    <mergeCell ref="G912:H912"/>
    <mergeCell ref="G913:H913"/>
    <mergeCell ref="G914:H914"/>
    <mergeCell ref="G915:H915"/>
    <mergeCell ref="G916:H916"/>
    <mergeCell ref="C918:C923"/>
    <mergeCell ref="D918:D923"/>
    <mergeCell ref="F918:F923"/>
    <mergeCell ref="G918:H918"/>
    <mergeCell ref="G919:H919"/>
    <mergeCell ref="G920:H920"/>
    <mergeCell ref="G921:H921"/>
    <mergeCell ref="G922:H922"/>
    <mergeCell ref="G923:H923"/>
    <mergeCell ref="C900:C903"/>
    <mergeCell ref="D900:D903"/>
    <mergeCell ref="F900:F903"/>
    <mergeCell ref="G900:H900"/>
    <mergeCell ref="G901:H901"/>
    <mergeCell ref="G902:H902"/>
    <mergeCell ref="G903:H903"/>
    <mergeCell ref="C905:C910"/>
    <mergeCell ref="D905:D910"/>
    <mergeCell ref="F905:F910"/>
    <mergeCell ref="G905:H905"/>
    <mergeCell ref="G906:H906"/>
    <mergeCell ref="G907:H907"/>
    <mergeCell ref="G908:H908"/>
    <mergeCell ref="G909:H909"/>
    <mergeCell ref="G910:H910"/>
    <mergeCell ref="C886:C890"/>
    <mergeCell ref="D886:D890"/>
    <mergeCell ref="F886:F890"/>
    <mergeCell ref="G886:H886"/>
    <mergeCell ref="G887:H887"/>
    <mergeCell ref="G888:H888"/>
    <mergeCell ref="G889:H889"/>
    <mergeCell ref="G890:H890"/>
    <mergeCell ref="C892:C898"/>
    <mergeCell ref="D892:D898"/>
    <mergeCell ref="F892:F898"/>
    <mergeCell ref="G892:H892"/>
    <mergeCell ref="G893:H893"/>
    <mergeCell ref="G894:H894"/>
    <mergeCell ref="G895:H895"/>
    <mergeCell ref="G896:H896"/>
    <mergeCell ref="G897:H897"/>
    <mergeCell ref="G898:H898"/>
    <mergeCell ref="C872:C877"/>
    <mergeCell ref="D872:D877"/>
    <mergeCell ref="F872:F877"/>
    <mergeCell ref="G872:H872"/>
    <mergeCell ref="G873:H873"/>
    <mergeCell ref="G874:H874"/>
    <mergeCell ref="G875:H875"/>
    <mergeCell ref="G876:H876"/>
    <mergeCell ref="G877:H877"/>
    <mergeCell ref="C879:C884"/>
    <mergeCell ref="D879:D884"/>
    <mergeCell ref="F879:F884"/>
    <mergeCell ref="G879:H879"/>
    <mergeCell ref="G880:H880"/>
    <mergeCell ref="G881:H881"/>
    <mergeCell ref="G882:H882"/>
    <mergeCell ref="G883:H883"/>
    <mergeCell ref="G884:H884"/>
    <mergeCell ref="C855:C862"/>
    <mergeCell ref="D855:D862"/>
    <mergeCell ref="F855:F862"/>
    <mergeCell ref="G855:H855"/>
    <mergeCell ref="G856:H856"/>
    <mergeCell ref="G857:H857"/>
    <mergeCell ref="G858:H858"/>
    <mergeCell ref="G859:H859"/>
    <mergeCell ref="G860:H860"/>
    <mergeCell ref="G861:H861"/>
    <mergeCell ref="G862:H862"/>
    <mergeCell ref="C864:C870"/>
    <mergeCell ref="D864:D870"/>
    <mergeCell ref="F864:F870"/>
    <mergeCell ref="G864:H864"/>
    <mergeCell ref="G865:H865"/>
    <mergeCell ref="G866:H866"/>
    <mergeCell ref="G867:H867"/>
    <mergeCell ref="G868:H868"/>
    <mergeCell ref="G869:H869"/>
    <mergeCell ref="G870:H870"/>
    <mergeCell ref="B863:H863"/>
    <mergeCell ref="F839:F844"/>
    <mergeCell ref="C839:C844"/>
    <mergeCell ref="D839:D844"/>
    <mergeCell ref="C846:C853"/>
    <mergeCell ref="D846:D853"/>
    <mergeCell ref="F846:F853"/>
    <mergeCell ref="G846:H846"/>
    <mergeCell ref="G847:H847"/>
    <mergeCell ref="G848:H848"/>
    <mergeCell ref="G849:H849"/>
    <mergeCell ref="G850:H850"/>
    <mergeCell ref="G851:H851"/>
    <mergeCell ref="G852:H852"/>
    <mergeCell ref="G853:H853"/>
    <mergeCell ref="G828:H828"/>
    <mergeCell ref="G829:H829"/>
    <mergeCell ref="G830:H830"/>
    <mergeCell ref="G831:H831"/>
    <mergeCell ref="G833:H833"/>
    <mergeCell ref="G834:H834"/>
    <mergeCell ref="G835:H835"/>
    <mergeCell ref="G836:H836"/>
    <mergeCell ref="G837:H837"/>
    <mergeCell ref="G839:H839"/>
    <mergeCell ref="G840:H840"/>
    <mergeCell ref="G841:H841"/>
    <mergeCell ref="G842:H842"/>
    <mergeCell ref="G843:H843"/>
    <mergeCell ref="G844:H844"/>
    <mergeCell ref="B838:H838"/>
    <mergeCell ref="D809:D819"/>
    <mergeCell ref="C821:C831"/>
    <mergeCell ref="D821:D831"/>
    <mergeCell ref="C833:C837"/>
    <mergeCell ref="D833:D837"/>
    <mergeCell ref="F797:F807"/>
    <mergeCell ref="F809:F819"/>
    <mergeCell ref="F821:F831"/>
    <mergeCell ref="F833:F837"/>
    <mergeCell ref="G810:H810"/>
    <mergeCell ref="G811:H811"/>
    <mergeCell ref="G812:H812"/>
    <mergeCell ref="G813:H813"/>
    <mergeCell ref="G814:H814"/>
    <mergeCell ref="G815:H815"/>
    <mergeCell ref="G816:H816"/>
    <mergeCell ref="G817:H817"/>
    <mergeCell ref="G818:H818"/>
    <mergeCell ref="G819:H819"/>
    <mergeCell ref="G821:H821"/>
    <mergeCell ref="G822:H822"/>
    <mergeCell ref="G823:H823"/>
    <mergeCell ref="G824:H824"/>
    <mergeCell ref="G825:H825"/>
    <mergeCell ref="G826:H826"/>
    <mergeCell ref="G827:H827"/>
    <mergeCell ref="G797:H797"/>
    <mergeCell ref="G798:H798"/>
    <mergeCell ref="G799:H799"/>
    <mergeCell ref="G800:H800"/>
    <mergeCell ref="G801:H801"/>
    <mergeCell ref="G802:H802"/>
    <mergeCell ref="G803:H803"/>
    <mergeCell ref="G804:H804"/>
    <mergeCell ref="G805:H805"/>
    <mergeCell ref="G806:H806"/>
    <mergeCell ref="G807:H807"/>
    <mergeCell ref="G809:H809"/>
    <mergeCell ref="F692:F696"/>
    <mergeCell ref="F706:F710"/>
    <mergeCell ref="F712:F715"/>
    <mergeCell ref="F698:F704"/>
    <mergeCell ref="F717:F722"/>
    <mergeCell ref="F724:F729"/>
    <mergeCell ref="F731:F736"/>
    <mergeCell ref="F755:F760"/>
    <mergeCell ref="F762:F767"/>
    <mergeCell ref="F738:F744"/>
    <mergeCell ref="F746:F753"/>
    <mergeCell ref="F769:F773"/>
    <mergeCell ref="B737:H737"/>
    <mergeCell ref="B745:H745"/>
    <mergeCell ref="G735:H735"/>
    <mergeCell ref="G736:H736"/>
    <mergeCell ref="G738:H738"/>
    <mergeCell ref="C797:C807"/>
    <mergeCell ref="D797:D807"/>
    <mergeCell ref="C809:C819"/>
    <mergeCell ref="B730:H730"/>
    <mergeCell ref="G713:H713"/>
    <mergeCell ref="G714:H714"/>
    <mergeCell ref="G715:H715"/>
    <mergeCell ref="G724:H724"/>
    <mergeCell ref="G725:H725"/>
    <mergeCell ref="F594:F602"/>
    <mergeCell ref="F604:F610"/>
    <mergeCell ref="F612:F616"/>
    <mergeCell ref="F618:F622"/>
    <mergeCell ref="F624:F628"/>
    <mergeCell ref="F637:F641"/>
    <mergeCell ref="F630:F635"/>
    <mergeCell ref="F643:F647"/>
    <mergeCell ref="F649:F653"/>
    <mergeCell ref="C692:C696"/>
    <mergeCell ref="D692:D696"/>
    <mergeCell ref="C698:C704"/>
    <mergeCell ref="D698:D704"/>
    <mergeCell ref="F449:F452"/>
    <mergeCell ref="F454:F458"/>
    <mergeCell ref="F460:F465"/>
    <mergeCell ref="F467:F470"/>
    <mergeCell ref="F472:F475"/>
    <mergeCell ref="F477:F480"/>
    <mergeCell ref="F482:F485"/>
    <mergeCell ref="F487:F492"/>
    <mergeCell ref="F494:F500"/>
    <mergeCell ref="F502:F507"/>
    <mergeCell ref="F509:F514"/>
    <mergeCell ref="F516:F519"/>
    <mergeCell ref="F521:F528"/>
    <mergeCell ref="F530:F537"/>
    <mergeCell ref="F539:F546"/>
    <mergeCell ref="F548:F555"/>
    <mergeCell ref="F557:F564"/>
    <mergeCell ref="G700:H700"/>
    <mergeCell ref="G701:H701"/>
    <mergeCell ref="G702:H702"/>
    <mergeCell ref="G703:H703"/>
    <mergeCell ref="G704:H704"/>
    <mergeCell ref="G692:H692"/>
    <mergeCell ref="G693:H693"/>
    <mergeCell ref="G694:H694"/>
    <mergeCell ref="G695:H695"/>
    <mergeCell ref="G696:H696"/>
    <mergeCell ref="G698:H698"/>
    <mergeCell ref="G699:H699"/>
    <mergeCell ref="G683:H683"/>
    <mergeCell ref="G684:H684"/>
    <mergeCell ref="G685:H685"/>
    <mergeCell ref="G686:H686"/>
    <mergeCell ref="G687:H687"/>
    <mergeCell ref="G688:H688"/>
    <mergeCell ref="G689:H689"/>
    <mergeCell ref="G690:H690"/>
    <mergeCell ref="G668:H668"/>
    <mergeCell ref="G669:H669"/>
    <mergeCell ref="G671:H671"/>
    <mergeCell ref="G672:H672"/>
    <mergeCell ref="G673:H673"/>
    <mergeCell ref="C666:C669"/>
    <mergeCell ref="D666:D669"/>
    <mergeCell ref="C671:C674"/>
    <mergeCell ref="D671:D674"/>
    <mergeCell ref="C676:C680"/>
    <mergeCell ref="D676:D680"/>
    <mergeCell ref="C682:C690"/>
    <mergeCell ref="D682:D690"/>
    <mergeCell ref="F661:F664"/>
    <mergeCell ref="F666:F669"/>
    <mergeCell ref="F671:F674"/>
    <mergeCell ref="F676:F680"/>
    <mergeCell ref="F682:F690"/>
    <mergeCell ref="G674:H674"/>
    <mergeCell ref="G676:H676"/>
    <mergeCell ref="G677:H677"/>
    <mergeCell ref="G678:H678"/>
    <mergeCell ref="G679:H679"/>
    <mergeCell ref="G680:H680"/>
    <mergeCell ref="G682:H682"/>
    <mergeCell ref="G664:H664"/>
    <mergeCell ref="G666:H666"/>
    <mergeCell ref="G667:H667"/>
    <mergeCell ref="C630:C635"/>
    <mergeCell ref="D630:D635"/>
    <mergeCell ref="C637:C641"/>
    <mergeCell ref="D637:D641"/>
    <mergeCell ref="C643:C647"/>
    <mergeCell ref="D643:D647"/>
    <mergeCell ref="G656:H656"/>
    <mergeCell ref="G657:H657"/>
    <mergeCell ref="G658:H658"/>
    <mergeCell ref="G659:H659"/>
    <mergeCell ref="G661:H661"/>
    <mergeCell ref="G662:H662"/>
    <mergeCell ref="G663:H663"/>
    <mergeCell ref="G649:H649"/>
    <mergeCell ref="G650:H650"/>
    <mergeCell ref="G651:H651"/>
    <mergeCell ref="G652:H652"/>
    <mergeCell ref="G653:H653"/>
    <mergeCell ref="G655:H655"/>
    <mergeCell ref="C649:C653"/>
    <mergeCell ref="D649:D653"/>
    <mergeCell ref="C655:C659"/>
    <mergeCell ref="D655:D659"/>
    <mergeCell ref="C661:C664"/>
    <mergeCell ref="D661:D664"/>
    <mergeCell ref="F655:F659"/>
    <mergeCell ref="G628:H628"/>
    <mergeCell ref="G630:H630"/>
    <mergeCell ref="G612:H612"/>
    <mergeCell ref="G613:H613"/>
    <mergeCell ref="G614:H614"/>
    <mergeCell ref="G615:H615"/>
    <mergeCell ref="G616:H616"/>
    <mergeCell ref="G618:H618"/>
    <mergeCell ref="G619:H619"/>
    <mergeCell ref="G641:H641"/>
    <mergeCell ref="G643:H643"/>
    <mergeCell ref="G644:H644"/>
    <mergeCell ref="G645:H645"/>
    <mergeCell ref="G646:H646"/>
    <mergeCell ref="G647:H647"/>
    <mergeCell ref="G631:H631"/>
    <mergeCell ref="G632:H632"/>
    <mergeCell ref="G633:H633"/>
    <mergeCell ref="G634:H634"/>
    <mergeCell ref="G635:H635"/>
    <mergeCell ref="G637:H637"/>
    <mergeCell ref="G638:H638"/>
    <mergeCell ref="G639:H639"/>
    <mergeCell ref="G640:H640"/>
    <mergeCell ref="G610:H610"/>
    <mergeCell ref="G594:H594"/>
    <mergeCell ref="G595:H595"/>
    <mergeCell ref="G596:H596"/>
    <mergeCell ref="G597:H597"/>
    <mergeCell ref="G598:H598"/>
    <mergeCell ref="G599:H599"/>
    <mergeCell ref="G600:H600"/>
    <mergeCell ref="G601:H601"/>
    <mergeCell ref="G602:H602"/>
    <mergeCell ref="G620:H620"/>
    <mergeCell ref="G621:H621"/>
    <mergeCell ref="G622:H622"/>
    <mergeCell ref="G624:H624"/>
    <mergeCell ref="G625:H625"/>
    <mergeCell ref="G626:H626"/>
    <mergeCell ref="G627:H627"/>
    <mergeCell ref="G551:H551"/>
    <mergeCell ref="G552:H552"/>
    <mergeCell ref="G587:H587"/>
    <mergeCell ref="G588:H588"/>
    <mergeCell ref="G590:H590"/>
    <mergeCell ref="G591:H591"/>
    <mergeCell ref="G592:H592"/>
    <mergeCell ref="G579:H579"/>
    <mergeCell ref="G580:H580"/>
    <mergeCell ref="G582:H582"/>
    <mergeCell ref="G583:H583"/>
    <mergeCell ref="G584:H584"/>
    <mergeCell ref="G585:H585"/>
    <mergeCell ref="G586:H586"/>
    <mergeCell ref="G553:H553"/>
    <mergeCell ref="G554:H554"/>
    <mergeCell ref="G555:H555"/>
    <mergeCell ref="G557:H557"/>
    <mergeCell ref="G558:H558"/>
    <mergeCell ref="G559:H559"/>
    <mergeCell ref="G560:H560"/>
    <mergeCell ref="G561:H561"/>
    <mergeCell ref="G562:H562"/>
    <mergeCell ref="G563:H563"/>
    <mergeCell ref="G564:H564"/>
    <mergeCell ref="B589:H589"/>
    <mergeCell ref="B556:H556"/>
    <mergeCell ref="F566:F573"/>
    <mergeCell ref="F582:F588"/>
    <mergeCell ref="F590:F592"/>
    <mergeCell ref="F575:F580"/>
    <mergeCell ref="G488:H488"/>
    <mergeCell ref="G489:H489"/>
    <mergeCell ref="G490:H490"/>
    <mergeCell ref="G491:H491"/>
    <mergeCell ref="G492:H492"/>
    <mergeCell ref="G494:H494"/>
    <mergeCell ref="B501:H501"/>
    <mergeCell ref="C467:C470"/>
    <mergeCell ref="D467:D470"/>
    <mergeCell ref="G477:H477"/>
    <mergeCell ref="G478:H478"/>
    <mergeCell ref="G479:H479"/>
    <mergeCell ref="G480:H480"/>
    <mergeCell ref="G482:H482"/>
    <mergeCell ref="G536:H536"/>
    <mergeCell ref="G537:H537"/>
    <mergeCell ref="G539:H539"/>
    <mergeCell ref="G523:H523"/>
    <mergeCell ref="G524:H524"/>
    <mergeCell ref="G525:H525"/>
    <mergeCell ref="G526:H526"/>
    <mergeCell ref="G527:H527"/>
    <mergeCell ref="G528:H528"/>
    <mergeCell ref="G530:H530"/>
    <mergeCell ref="G531:H531"/>
    <mergeCell ref="G532:H532"/>
    <mergeCell ref="G521:H521"/>
    <mergeCell ref="G522:H522"/>
    <mergeCell ref="G505:H505"/>
    <mergeCell ref="G1180:H1180"/>
    <mergeCell ref="B989:H989"/>
    <mergeCell ref="B878:H878"/>
    <mergeCell ref="B885:H885"/>
    <mergeCell ref="B891:H891"/>
    <mergeCell ref="B899:H899"/>
    <mergeCell ref="B904:H904"/>
    <mergeCell ref="B911:H911"/>
    <mergeCell ref="B508:H508"/>
    <mergeCell ref="B515:H515"/>
    <mergeCell ref="B476:H476"/>
    <mergeCell ref="B481:H481"/>
    <mergeCell ref="B1140:H1140"/>
    <mergeCell ref="B1145:H1145"/>
    <mergeCell ref="B1155:H1155"/>
    <mergeCell ref="B1161:H1161"/>
    <mergeCell ref="B845:H845"/>
    <mergeCell ref="B1052:H1052"/>
    <mergeCell ref="B1058:H1058"/>
    <mergeCell ref="C487:C492"/>
    <mergeCell ref="D487:D492"/>
    <mergeCell ref="G495:H495"/>
    <mergeCell ref="G496:H496"/>
    <mergeCell ref="G497:H497"/>
    <mergeCell ref="G498:H498"/>
    <mergeCell ref="G499:H499"/>
    <mergeCell ref="G500:H500"/>
    <mergeCell ref="G502:H502"/>
    <mergeCell ref="G503:H503"/>
    <mergeCell ref="G504:H504"/>
    <mergeCell ref="G484:H484"/>
    <mergeCell ref="G485:H485"/>
    <mergeCell ref="G438:H438"/>
    <mergeCell ref="G439:H439"/>
    <mergeCell ref="G440:H440"/>
    <mergeCell ref="G441:H441"/>
    <mergeCell ref="G460:H460"/>
    <mergeCell ref="G461:H461"/>
    <mergeCell ref="G462:H462"/>
    <mergeCell ref="G463:H463"/>
    <mergeCell ref="G464:H464"/>
    <mergeCell ref="G465:H465"/>
    <mergeCell ref="G467:H467"/>
    <mergeCell ref="G468:H468"/>
    <mergeCell ref="G450:H450"/>
    <mergeCell ref="G451:H451"/>
    <mergeCell ref="G452:H452"/>
    <mergeCell ref="G454:H454"/>
    <mergeCell ref="G455:H455"/>
    <mergeCell ref="G456:H456"/>
    <mergeCell ref="G457:H457"/>
    <mergeCell ref="G458:H458"/>
    <mergeCell ref="B466:H466"/>
    <mergeCell ref="D454:D458"/>
    <mergeCell ref="C460:C465"/>
    <mergeCell ref="B453:H453"/>
    <mergeCell ref="B459:H459"/>
    <mergeCell ref="G449:H449"/>
    <mergeCell ref="B448:H448"/>
    <mergeCell ref="G1182:H1182"/>
    <mergeCell ref="G1183:H1183"/>
    <mergeCell ref="G1184:H1184"/>
    <mergeCell ref="G1185:H1185"/>
    <mergeCell ref="G407:H407"/>
    <mergeCell ref="G408:H408"/>
    <mergeCell ref="G409:H409"/>
    <mergeCell ref="G410:H410"/>
    <mergeCell ref="G411:H411"/>
    <mergeCell ref="G413:H413"/>
    <mergeCell ref="G414:H414"/>
    <mergeCell ref="G415:H415"/>
    <mergeCell ref="G416:H416"/>
    <mergeCell ref="G417:H417"/>
    <mergeCell ref="G418:H418"/>
    <mergeCell ref="B1167:H1167"/>
    <mergeCell ref="B1034:H1034"/>
    <mergeCell ref="B1041:H1041"/>
    <mergeCell ref="B917:H917"/>
    <mergeCell ref="B924:H924"/>
    <mergeCell ref="B932:H932"/>
    <mergeCell ref="B942:H942"/>
    <mergeCell ref="B951:H951"/>
    <mergeCell ref="B957:H957"/>
    <mergeCell ref="B967:H967"/>
    <mergeCell ref="B977:H977"/>
    <mergeCell ref="G442:H442"/>
    <mergeCell ref="G443:H443"/>
    <mergeCell ref="G445:H445"/>
    <mergeCell ref="G446:H446"/>
    <mergeCell ref="G447:H447"/>
    <mergeCell ref="B1048:H1048"/>
    <mergeCell ref="G292:H292"/>
    <mergeCell ref="G293:H293"/>
    <mergeCell ref="G294:H294"/>
    <mergeCell ref="G295:H295"/>
    <mergeCell ref="G296:H296"/>
    <mergeCell ref="G299:H299"/>
    <mergeCell ref="G300:H300"/>
    <mergeCell ref="G318:H318"/>
    <mergeCell ref="G319:H319"/>
    <mergeCell ref="G320:H320"/>
    <mergeCell ref="G309:H309"/>
    <mergeCell ref="G310:H310"/>
    <mergeCell ref="G311:H311"/>
    <mergeCell ref="G312:H312"/>
    <mergeCell ref="G314:H314"/>
    <mergeCell ref="G315:H315"/>
    <mergeCell ref="G316:H316"/>
    <mergeCell ref="G234:H234"/>
    <mergeCell ref="G235:H235"/>
    <mergeCell ref="G236:H236"/>
    <mergeCell ref="G237:H237"/>
    <mergeCell ref="G217:H217"/>
    <mergeCell ref="G218:H218"/>
    <mergeCell ref="G219:H219"/>
    <mergeCell ref="G268:H268"/>
    <mergeCell ref="G269:H269"/>
    <mergeCell ref="G270:H270"/>
    <mergeCell ref="G272:H272"/>
    <mergeCell ref="G273:H273"/>
    <mergeCell ref="G274:H274"/>
    <mergeCell ref="G275:H275"/>
    <mergeCell ref="G278:H278"/>
    <mergeCell ref="G258:H258"/>
    <mergeCell ref="G259:H259"/>
    <mergeCell ref="G260:H260"/>
    <mergeCell ref="G261:H261"/>
    <mergeCell ref="G262:H262"/>
    <mergeCell ref="G263:H263"/>
    <mergeCell ref="G264:H264"/>
    <mergeCell ref="G266:H266"/>
    <mergeCell ref="B271:H271"/>
    <mergeCell ref="B276:H276"/>
    <mergeCell ref="C272:C275"/>
    <mergeCell ref="D272:D275"/>
    <mergeCell ref="C277:C281"/>
    <mergeCell ref="D277:D281"/>
    <mergeCell ref="G277:H277"/>
    <mergeCell ref="F266:F270"/>
    <mergeCell ref="F277:F281"/>
    <mergeCell ref="G97:H97"/>
    <mergeCell ref="G100:H100"/>
    <mergeCell ref="G101:H101"/>
    <mergeCell ref="G102:H102"/>
    <mergeCell ref="G103:H103"/>
    <mergeCell ref="G104:H104"/>
    <mergeCell ref="B105:H105"/>
    <mergeCell ref="B110:H110"/>
    <mergeCell ref="B118:H118"/>
    <mergeCell ref="B124:H124"/>
    <mergeCell ref="B133:H133"/>
    <mergeCell ref="B142:H142"/>
    <mergeCell ref="G130:H130"/>
    <mergeCell ref="G131:H131"/>
    <mergeCell ref="G132:H132"/>
    <mergeCell ref="G134:H134"/>
    <mergeCell ref="G121:H121"/>
    <mergeCell ref="G98:H98"/>
    <mergeCell ref="G119:H119"/>
    <mergeCell ref="G120:H120"/>
    <mergeCell ref="G128:H128"/>
    <mergeCell ref="G129:H129"/>
    <mergeCell ref="G135:H135"/>
    <mergeCell ref="G136:H136"/>
    <mergeCell ref="G137:H137"/>
    <mergeCell ref="D100:D104"/>
    <mergeCell ref="C106:C109"/>
    <mergeCell ref="D106:D109"/>
    <mergeCell ref="F94:F98"/>
    <mergeCell ref="G140:H140"/>
    <mergeCell ref="G141:H141"/>
    <mergeCell ref="G123:H123"/>
    <mergeCell ref="B1191:H1191"/>
    <mergeCell ref="B1197:H1197"/>
    <mergeCell ref="B1204:H1204"/>
    <mergeCell ref="B1208:H1208"/>
    <mergeCell ref="B1219:H1219"/>
    <mergeCell ref="G39:H39"/>
    <mergeCell ref="G43:H43"/>
    <mergeCell ref="G45:H45"/>
    <mergeCell ref="G46:H46"/>
    <mergeCell ref="G47:H47"/>
    <mergeCell ref="G48:H48"/>
    <mergeCell ref="G49:H49"/>
    <mergeCell ref="G50:H50"/>
    <mergeCell ref="G52:H52"/>
    <mergeCell ref="G53:H53"/>
    <mergeCell ref="G54:H54"/>
    <mergeCell ref="G55:H55"/>
    <mergeCell ref="G56:H56"/>
    <mergeCell ref="G57:H57"/>
    <mergeCell ref="G59:H59"/>
    <mergeCell ref="G60:H60"/>
    <mergeCell ref="G61:H61"/>
    <mergeCell ref="G62:H62"/>
    <mergeCell ref="B99:H99"/>
    <mergeCell ref="B149:H149"/>
    <mergeCell ref="B156:H156"/>
    <mergeCell ref="B161:H161"/>
    <mergeCell ref="B1134:H1134"/>
    <mergeCell ref="G91:H91"/>
    <mergeCell ref="G94:H94"/>
    <mergeCell ref="G95:H95"/>
    <mergeCell ref="G96:H96"/>
    <mergeCell ref="G92:H92"/>
    <mergeCell ref="G82:H82"/>
    <mergeCell ref="G83:H83"/>
    <mergeCell ref="G85:H85"/>
    <mergeCell ref="G73:H73"/>
    <mergeCell ref="G74:H74"/>
    <mergeCell ref="G76:H76"/>
    <mergeCell ref="G77:H77"/>
    <mergeCell ref="G78:H78"/>
    <mergeCell ref="G79:H79"/>
    <mergeCell ref="C64:C69"/>
    <mergeCell ref="D64:D69"/>
    <mergeCell ref="C71:C74"/>
    <mergeCell ref="D71:D74"/>
    <mergeCell ref="C76:C83"/>
    <mergeCell ref="D76:D83"/>
    <mergeCell ref="G88:H88"/>
    <mergeCell ref="F85:F92"/>
    <mergeCell ref="F64:F69"/>
    <mergeCell ref="F71:F74"/>
    <mergeCell ref="F76:F83"/>
    <mergeCell ref="G71:H71"/>
    <mergeCell ref="G72:H72"/>
    <mergeCell ref="G80:H80"/>
    <mergeCell ref="G81:H81"/>
    <mergeCell ref="G86:H86"/>
    <mergeCell ref="G87:H87"/>
    <mergeCell ref="B70:H70"/>
    <mergeCell ref="B75:H75"/>
    <mergeCell ref="B84:H84"/>
    <mergeCell ref="B1173:H1173"/>
    <mergeCell ref="B1179:H1179"/>
    <mergeCell ref="B1186:H1186"/>
    <mergeCell ref="G197:H197"/>
    <mergeCell ref="G198:H198"/>
    <mergeCell ref="G199:H199"/>
    <mergeCell ref="G200:H200"/>
    <mergeCell ref="G201:H201"/>
    <mergeCell ref="B1066:H1066"/>
    <mergeCell ref="B1072:H1072"/>
    <mergeCell ref="B1080:H1080"/>
    <mergeCell ref="B1086:H1086"/>
    <mergeCell ref="B1093:H1093"/>
    <mergeCell ref="B1102:H1102"/>
    <mergeCell ref="B1111:H1111"/>
    <mergeCell ref="B1120:H1120"/>
    <mergeCell ref="B1127:H1127"/>
    <mergeCell ref="B999:H999"/>
    <mergeCell ref="B1009:H1009"/>
    <mergeCell ref="B1018:H1018"/>
    <mergeCell ref="B1027:H1027"/>
    <mergeCell ref="B486:H486"/>
    <mergeCell ref="B493:H493"/>
    <mergeCell ref="G342:H342"/>
    <mergeCell ref="G343:H343"/>
    <mergeCell ref="C449:C452"/>
    <mergeCell ref="G251:H251"/>
    <mergeCell ref="G253:H253"/>
    <mergeCell ref="G254:H254"/>
    <mergeCell ref="G255:H255"/>
    <mergeCell ref="G256:H256"/>
    <mergeCell ref="G239:H239"/>
    <mergeCell ref="G430:H430"/>
    <mergeCell ref="G431:H431"/>
    <mergeCell ref="G432:H432"/>
    <mergeCell ref="G433:H433"/>
    <mergeCell ref="G434:H434"/>
    <mergeCell ref="G435:H435"/>
    <mergeCell ref="G436:H436"/>
    <mergeCell ref="G393:H393"/>
    <mergeCell ref="D449:D452"/>
    <mergeCell ref="C454:C458"/>
    <mergeCell ref="B444:H444"/>
    <mergeCell ref="B871:H871"/>
    <mergeCell ref="B754:H754"/>
    <mergeCell ref="B761:H761"/>
    <mergeCell ref="B768:H768"/>
    <mergeCell ref="B697:H697"/>
    <mergeCell ref="B623:H623"/>
    <mergeCell ref="B629:H629"/>
    <mergeCell ref="B636:H636"/>
    <mergeCell ref="B642:H642"/>
    <mergeCell ref="B648:H648"/>
    <mergeCell ref="G394:H394"/>
    <mergeCell ref="G395:H395"/>
    <mergeCell ref="G726:H726"/>
    <mergeCell ref="G727:H727"/>
    <mergeCell ref="G728:H728"/>
    <mergeCell ref="G729:H729"/>
    <mergeCell ref="B716:H716"/>
    <mergeCell ref="G717:H717"/>
    <mergeCell ref="G718:H718"/>
    <mergeCell ref="B796:H796"/>
    <mergeCell ref="B808:H808"/>
    <mergeCell ref="B820:H820"/>
    <mergeCell ref="B832:H832"/>
    <mergeCell ref="B854:H854"/>
    <mergeCell ref="B574:H574"/>
    <mergeCell ref="B581:H581"/>
    <mergeCell ref="B711:H711"/>
    <mergeCell ref="B723:H723"/>
    <mergeCell ref="B654:H654"/>
    <mergeCell ref="B660:H660"/>
    <mergeCell ref="B665:H665"/>
    <mergeCell ref="B670:H670"/>
    <mergeCell ref="B675:H675"/>
    <mergeCell ref="B681:H681"/>
    <mergeCell ref="B691:H691"/>
    <mergeCell ref="D460:D465"/>
    <mergeCell ref="G483:H483"/>
    <mergeCell ref="G469:H469"/>
    <mergeCell ref="G470:H470"/>
    <mergeCell ref="G472:H472"/>
    <mergeCell ref="G473:H473"/>
    <mergeCell ref="G474:H474"/>
    <mergeCell ref="G475:H475"/>
    <mergeCell ref="C472:C475"/>
    <mergeCell ref="D472:D475"/>
    <mergeCell ref="C477:C480"/>
    <mergeCell ref="D477:D480"/>
    <mergeCell ref="C482:C485"/>
    <mergeCell ref="D482:D485"/>
    <mergeCell ref="B471:H471"/>
    <mergeCell ref="G487:H487"/>
    <mergeCell ref="G721:H721"/>
    <mergeCell ref="G722:H722"/>
    <mergeCell ref="G426:H426"/>
    <mergeCell ref="G427:H427"/>
    <mergeCell ref="G428:H428"/>
    <mergeCell ref="B406:H406"/>
    <mergeCell ref="G348:H348"/>
    <mergeCell ref="G399:H399"/>
    <mergeCell ref="G400:H400"/>
    <mergeCell ref="G401:H401"/>
    <mergeCell ref="G402:H402"/>
    <mergeCell ref="G403:H403"/>
    <mergeCell ref="G404:H404"/>
    <mergeCell ref="G405:H405"/>
    <mergeCell ref="G420:H420"/>
    <mergeCell ref="G421:H421"/>
    <mergeCell ref="G386:H386"/>
    <mergeCell ref="G349:H349"/>
    <mergeCell ref="G396:H396"/>
    <mergeCell ref="G397:H397"/>
    <mergeCell ref="G388:H388"/>
    <mergeCell ref="G350:H350"/>
    <mergeCell ref="G351:H351"/>
    <mergeCell ref="G353:H353"/>
    <mergeCell ref="G354:H354"/>
    <mergeCell ref="G355:H355"/>
    <mergeCell ref="G356:H356"/>
    <mergeCell ref="G357:H357"/>
    <mergeCell ref="G358:H358"/>
    <mergeCell ref="G382:H382"/>
    <mergeCell ref="G383:H383"/>
    <mergeCell ref="G344:H344"/>
    <mergeCell ref="G345:H345"/>
    <mergeCell ref="G346:H346"/>
    <mergeCell ref="B412:H412"/>
    <mergeCell ref="B419:H419"/>
    <mergeCell ref="B425:H425"/>
    <mergeCell ref="B347:H347"/>
    <mergeCell ref="B352:H352"/>
    <mergeCell ref="B359:H359"/>
    <mergeCell ref="B368:H368"/>
    <mergeCell ref="B378:H378"/>
    <mergeCell ref="B387:H387"/>
    <mergeCell ref="B398:H398"/>
    <mergeCell ref="G360:H360"/>
    <mergeCell ref="G361:H361"/>
    <mergeCell ref="G167:H167"/>
    <mergeCell ref="G168:H168"/>
    <mergeCell ref="G169:H169"/>
    <mergeCell ref="G170:H170"/>
    <mergeCell ref="G172:H172"/>
    <mergeCell ref="G187:H187"/>
    <mergeCell ref="G240:H240"/>
    <mergeCell ref="G241:H241"/>
    <mergeCell ref="G422:H422"/>
    <mergeCell ref="G423:H423"/>
    <mergeCell ref="G424:H424"/>
    <mergeCell ref="G242:H242"/>
    <mergeCell ref="G243:H243"/>
    <mergeCell ref="G244:H244"/>
    <mergeCell ref="G245:H245"/>
    <mergeCell ref="G246:H246"/>
    <mergeCell ref="G267:H267"/>
    <mergeCell ref="G163:H163"/>
    <mergeCell ref="G164:H164"/>
    <mergeCell ref="G173:H173"/>
    <mergeCell ref="G158:H158"/>
    <mergeCell ref="G159:H159"/>
    <mergeCell ref="G160:H160"/>
    <mergeCell ref="G162:H162"/>
    <mergeCell ref="G165:H165"/>
    <mergeCell ref="G153:H153"/>
    <mergeCell ref="B181:H181"/>
    <mergeCell ref="G155:H155"/>
    <mergeCell ref="G157:H157"/>
    <mergeCell ref="G182:H182"/>
    <mergeCell ref="G183:H183"/>
    <mergeCell ref="G184:H184"/>
    <mergeCell ref="G185:H185"/>
    <mergeCell ref="G186:H186"/>
    <mergeCell ref="G174:H174"/>
    <mergeCell ref="G175:H175"/>
    <mergeCell ref="G177:H177"/>
    <mergeCell ref="G178:H178"/>
    <mergeCell ref="G179:H179"/>
    <mergeCell ref="G340:H340"/>
    <mergeCell ref="G341:H341"/>
    <mergeCell ref="G305:H305"/>
    <mergeCell ref="G306:H306"/>
    <mergeCell ref="G307:H307"/>
    <mergeCell ref="G317:H317"/>
    <mergeCell ref="F369:F377"/>
    <mergeCell ref="F379:F386"/>
    <mergeCell ref="G125:H125"/>
    <mergeCell ref="G126:H126"/>
    <mergeCell ref="G127:H127"/>
    <mergeCell ref="G145:H145"/>
    <mergeCell ref="G143:H143"/>
    <mergeCell ref="G144:H144"/>
    <mergeCell ref="G222:H222"/>
    <mergeCell ref="G203:H203"/>
    <mergeCell ref="G225:H225"/>
    <mergeCell ref="G226:H226"/>
    <mergeCell ref="G227:H227"/>
    <mergeCell ref="G229:H229"/>
    <mergeCell ref="G230:H230"/>
    <mergeCell ref="G221:H221"/>
    <mergeCell ref="G233:H233"/>
    <mergeCell ref="G138:H138"/>
    <mergeCell ref="G139:H139"/>
    <mergeCell ref="G146:H146"/>
    <mergeCell ref="G147:H147"/>
    <mergeCell ref="G148:H148"/>
    <mergeCell ref="G150:H150"/>
    <mergeCell ref="G151:H151"/>
    <mergeCell ref="G152:H152"/>
    <mergeCell ref="G154:H154"/>
    <mergeCell ref="G322:H322"/>
    <mergeCell ref="G326:H326"/>
    <mergeCell ref="G327:H327"/>
    <mergeCell ref="G328:H328"/>
    <mergeCell ref="G329:H329"/>
    <mergeCell ref="G302:H302"/>
    <mergeCell ref="G303:H303"/>
    <mergeCell ref="G304:H304"/>
    <mergeCell ref="B325:H325"/>
    <mergeCell ref="B335:H335"/>
    <mergeCell ref="F298:F300"/>
    <mergeCell ref="F302:F307"/>
    <mergeCell ref="F309:F312"/>
    <mergeCell ref="G323:H323"/>
    <mergeCell ref="G324:H324"/>
    <mergeCell ref="B339:H339"/>
    <mergeCell ref="G336:H336"/>
    <mergeCell ref="G337:H337"/>
    <mergeCell ref="G338:H338"/>
    <mergeCell ref="D157:D160"/>
    <mergeCell ref="B282:H282"/>
    <mergeCell ref="B290:H290"/>
    <mergeCell ref="B297:H297"/>
    <mergeCell ref="B301:H301"/>
    <mergeCell ref="B308:H308"/>
    <mergeCell ref="G376:H376"/>
    <mergeCell ref="G377:H377"/>
    <mergeCell ref="G379:H379"/>
    <mergeCell ref="G380:H380"/>
    <mergeCell ref="G381:H381"/>
    <mergeCell ref="C283:C289"/>
    <mergeCell ref="D283:D289"/>
    <mergeCell ref="C291:C296"/>
    <mergeCell ref="G106:H106"/>
    <mergeCell ref="G107:H107"/>
    <mergeCell ref="G108:H108"/>
    <mergeCell ref="G109:H109"/>
    <mergeCell ref="G111:H111"/>
    <mergeCell ref="G112:H112"/>
    <mergeCell ref="G113:H113"/>
    <mergeCell ref="G114:H114"/>
    <mergeCell ref="G115:H115"/>
    <mergeCell ref="G116:H116"/>
    <mergeCell ref="G117:H117"/>
    <mergeCell ref="G122:H122"/>
    <mergeCell ref="D134:D141"/>
    <mergeCell ref="C143:C148"/>
    <mergeCell ref="D143:D148"/>
    <mergeCell ref="C150:C155"/>
    <mergeCell ref="D150:D155"/>
    <mergeCell ref="C157:C160"/>
    <mergeCell ref="A7:H7"/>
    <mergeCell ref="F1297:G1297"/>
    <mergeCell ref="F1299:G1299"/>
    <mergeCell ref="F1300:G1300"/>
    <mergeCell ref="A1294:H1294"/>
    <mergeCell ref="A1285:H1285"/>
    <mergeCell ref="B1286:H1286"/>
    <mergeCell ref="A1287:G1287"/>
    <mergeCell ref="A1293:H1293"/>
    <mergeCell ref="G369:H369"/>
    <mergeCell ref="G370:H370"/>
    <mergeCell ref="G371:H371"/>
    <mergeCell ref="G372:H372"/>
    <mergeCell ref="G373:H373"/>
    <mergeCell ref="G374:H374"/>
    <mergeCell ref="G375:H375"/>
    <mergeCell ref="B189:H189"/>
    <mergeCell ref="G64:H64"/>
    <mergeCell ref="G65:H65"/>
    <mergeCell ref="G66:H66"/>
    <mergeCell ref="G67:H67"/>
    <mergeCell ref="G68:H68"/>
    <mergeCell ref="G69:H69"/>
    <mergeCell ref="B166:H166"/>
    <mergeCell ref="B171:H171"/>
    <mergeCell ref="B176:H176"/>
    <mergeCell ref="B37:C37"/>
    <mergeCell ref="C39:C43"/>
    <mergeCell ref="F39:F43"/>
    <mergeCell ref="C45:C50"/>
    <mergeCell ref="C52:C57"/>
    <mergeCell ref="D52:D57"/>
    <mergeCell ref="C59:C62"/>
    <mergeCell ref="D59:D62"/>
    <mergeCell ref="C85:C92"/>
    <mergeCell ref="D85:D92"/>
    <mergeCell ref="C94:C98"/>
    <mergeCell ref="D94:D98"/>
    <mergeCell ref="C100:C104"/>
    <mergeCell ref="A1:H1"/>
    <mergeCell ref="A23:B23"/>
    <mergeCell ref="A26:B26"/>
    <mergeCell ref="G298:H298"/>
    <mergeCell ref="G41:H41"/>
    <mergeCell ref="A3:H3"/>
    <mergeCell ref="E36:H36"/>
    <mergeCell ref="G37:H37"/>
    <mergeCell ref="A22:H22"/>
    <mergeCell ref="A30:B30"/>
    <mergeCell ref="A36:A37"/>
    <mergeCell ref="B27:F27"/>
    <mergeCell ref="C111:C117"/>
    <mergeCell ref="D111:D117"/>
    <mergeCell ref="C119:C123"/>
    <mergeCell ref="D119:D123"/>
    <mergeCell ref="C125:C132"/>
    <mergeCell ref="D125:D132"/>
    <mergeCell ref="C134:C141"/>
    <mergeCell ref="F59:F62"/>
    <mergeCell ref="B38:H38"/>
    <mergeCell ref="B44:H44"/>
    <mergeCell ref="B51:H51"/>
    <mergeCell ref="B58:H58"/>
    <mergeCell ref="B63:H63"/>
    <mergeCell ref="C712:C715"/>
    <mergeCell ref="D712:D715"/>
    <mergeCell ref="C717:C722"/>
    <mergeCell ref="D717:D722"/>
    <mergeCell ref="C724:C729"/>
    <mergeCell ref="D724:D729"/>
    <mergeCell ref="B705:H705"/>
    <mergeCell ref="G706:H706"/>
    <mergeCell ref="G707:H707"/>
    <mergeCell ref="G708:H708"/>
    <mergeCell ref="G709:H709"/>
    <mergeCell ref="G710:H710"/>
    <mergeCell ref="G712:H712"/>
    <mergeCell ref="A2:H2"/>
    <mergeCell ref="A8:H8"/>
    <mergeCell ref="A9:H9"/>
    <mergeCell ref="A11:H11"/>
    <mergeCell ref="A12:E12"/>
    <mergeCell ref="A13:E13"/>
    <mergeCell ref="A34:H34"/>
    <mergeCell ref="A21:H21"/>
    <mergeCell ref="A16:E16"/>
    <mergeCell ref="A17:E17"/>
    <mergeCell ref="A18:H18"/>
    <mergeCell ref="A19:H19"/>
    <mergeCell ref="A20:E20"/>
    <mergeCell ref="G40:H40"/>
    <mergeCell ref="G42:H42"/>
    <mergeCell ref="C162:C165"/>
    <mergeCell ref="G392:H392"/>
    <mergeCell ref="F45:F50"/>
    <mergeCell ref="F52:F57"/>
    <mergeCell ref="G731:H731"/>
    <mergeCell ref="G732:H732"/>
    <mergeCell ref="G733:H733"/>
    <mergeCell ref="G734:H734"/>
    <mergeCell ref="C494:C500"/>
    <mergeCell ref="D494:D500"/>
    <mergeCell ref="C502:C507"/>
    <mergeCell ref="D502:D507"/>
    <mergeCell ref="C509:C514"/>
    <mergeCell ref="D509:D514"/>
    <mergeCell ref="C516:C519"/>
    <mergeCell ref="D516:D519"/>
    <mergeCell ref="C521:C528"/>
    <mergeCell ref="D521:D528"/>
    <mergeCell ref="C530:C537"/>
    <mergeCell ref="D530:D537"/>
    <mergeCell ref="C539:C546"/>
    <mergeCell ref="D539:D546"/>
    <mergeCell ref="C548:C555"/>
    <mergeCell ref="D548:D555"/>
    <mergeCell ref="C557:C564"/>
    <mergeCell ref="D557:D564"/>
    <mergeCell ref="B547:H547"/>
    <mergeCell ref="B520:H520"/>
    <mergeCell ref="B529:H529"/>
    <mergeCell ref="B538:H538"/>
    <mergeCell ref="G516:H516"/>
    <mergeCell ref="G517:H517"/>
    <mergeCell ref="G518:H518"/>
    <mergeCell ref="G519:H519"/>
    <mergeCell ref="G719:H719"/>
    <mergeCell ref="G720:H720"/>
    <mergeCell ref="G739:H739"/>
    <mergeCell ref="G740:H740"/>
    <mergeCell ref="G741:H741"/>
    <mergeCell ref="G742:H742"/>
    <mergeCell ref="G743:H743"/>
    <mergeCell ref="G744:H744"/>
    <mergeCell ref="G746:H746"/>
    <mergeCell ref="G747:H747"/>
    <mergeCell ref="G748:H748"/>
    <mergeCell ref="G749:H749"/>
    <mergeCell ref="G750:H750"/>
    <mergeCell ref="G751:H751"/>
    <mergeCell ref="G752:H752"/>
    <mergeCell ref="G753:H753"/>
    <mergeCell ref="G755:H755"/>
    <mergeCell ref="G756:H756"/>
    <mergeCell ref="G757:H757"/>
    <mergeCell ref="G758:H758"/>
    <mergeCell ref="G759:H759"/>
    <mergeCell ref="G760:H760"/>
    <mergeCell ref="G762:H762"/>
    <mergeCell ref="G763:H763"/>
    <mergeCell ref="G764:H764"/>
    <mergeCell ref="G765:H765"/>
    <mergeCell ref="G766:H766"/>
    <mergeCell ref="G767:H767"/>
    <mergeCell ref="G769:H769"/>
    <mergeCell ref="G770:H770"/>
    <mergeCell ref="G771:H771"/>
    <mergeCell ref="G772:H772"/>
    <mergeCell ref="G773:H773"/>
    <mergeCell ref="G775:H775"/>
    <mergeCell ref="G776:H776"/>
    <mergeCell ref="G777:H777"/>
    <mergeCell ref="B774:H774"/>
    <mergeCell ref="F775:F781"/>
    <mergeCell ref="G778:H778"/>
    <mergeCell ref="G779:H779"/>
    <mergeCell ref="G780:H780"/>
    <mergeCell ref="G781:H781"/>
    <mergeCell ref="D769:D773"/>
    <mergeCell ref="C775:C781"/>
    <mergeCell ref="D775:D781"/>
    <mergeCell ref="B93:H93"/>
    <mergeCell ref="G89:H89"/>
    <mergeCell ref="G90:H90"/>
    <mergeCell ref="F229:F237"/>
    <mergeCell ref="B211:H211"/>
    <mergeCell ref="G204:H204"/>
    <mergeCell ref="G205:H205"/>
    <mergeCell ref="G206:H206"/>
    <mergeCell ref="G207:H207"/>
    <mergeCell ref="G208:H208"/>
    <mergeCell ref="G209:H209"/>
    <mergeCell ref="G210:H210"/>
    <mergeCell ref="G212:H212"/>
    <mergeCell ref="G213:H213"/>
    <mergeCell ref="G214:H214"/>
    <mergeCell ref="G215:H215"/>
    <mergeCell ref="G216:H216"/>
    <mergeCell ref="B220:H220"/>
    <mergeCell ref="F203:F210"/>
    <mergeCell ref="B196:H196"/>
    <mergeCell ref="C203:C210"/>
    <mergeCell ref="G231:H231"/>
    <mergeCell ref="G232:H232"/>
    <mergeCell ref="D203:D210"/>
    <mergeCell ref="C212:C219"/>
    <mergeCell ref="D212:D219"/>
    <mergeCell ref="C221:C227"/>
    <mergeCell ref="D221:D227"/>
    <mergeCell ref="C229:C237"/>
    <mergeCell ref="D229:D237"/>
    <mergeCell ref="F197:F201"/>
    <mergeCell ref="D162:D165"/>
    <mergeCell ref="C167:C170"/>
    <mergeCell ref="D167:D170"/>
    <mergeCell ref="C172:C175"/>
    <mergeCell ref="D172:D175"/>
    <mergeCell ref="C177:C180"/>
    <mergeCell ref="D177:D180"/>
    <mergeCell ref="C182:C188"/>
    <mergeCell ref="D182:D188"/>
    <mergeCell ref="C197:C201"/>
    <mergeCell ref="D197:D201"/>
    <mergeCell ref="G194:H194"/>
    <mergeCell ref="G195:H195"/>
    <mergeCell ref="C190:C195"/>
    <mergeCell ref="D190:D195"/>
    <mergeCell ref="G180:H180"/>
    <mergeCell ref="G192:H192"/>
    <mergeCell ref="G193:H193"/>
    <mergeCell ref="G190:H190"/>
    <mergeCell ref="G191:H191"/>
    <mergeCell ref="G188:H188"/>
    <mergeCell ref="F212:F219"/>
    <mergeCell ref="F221:F227"/>
    <mergeCell ref="D388:D397"/>
    <mergeCell ref="C399:C405"/>
    <mergeCell ref="D399:D405"/>
    <mergeCell ref="C407:C411"/>
    <mergeCell ref="D407:D411"/>
    <mergeCell ref="C413:C418"/>
    <mergeCell ref="D413:D418"/>
    <mergeCell ref="C314:C320"/>
    <mergeCell ref="D314:D320"/>
    <mergeCell ref="C322:C324"/>
    <mergeCell ref="D322:D324"/>
    <mergeCell ref="C326:C334"/>
    <mergeCell ref="D326:D334"/>
    <mergeCell ref="C336:C338"/>
    <mergeCell ref="D336:D338"/>
    <mergeCell ref="B313:H313"/>
    <mergeCell ref="G283:H283"/>
    <mergeCell ref="G284:H284"/>
    <mergeCell ref="G285:H285"/>
    <mergeCell ref="G286:H286"/>
    <mergeCell ref="G287:H287"/>
    <mergeCell ref="G288:H288"/>
    <mergeCell ref="G289:H289"/>
    <mergeCell ref="G291:H291"/>
    <mergeCell ref="G330:H330"/>
    <mergeCell ref="G331:H331"/>
    <mergeCell ref="G332:H332"/>
    <mergeCell ref="G333:H333"/>
    <mergeCell ref="G334:H334"/>
    <mergeCell ref="B321:H321"/>
    <mergeCell ref="C566:C573"/>
    <mergeCell ref="D566:D573"/>
    <mergeCell ref="G566:H566"/>
    <mergeCell ref="G567:H567"/>
    <mergeCell ref="G568:H568"/>
    <mergeCell ref="G569:H569"/>
    <mergeCell ref="G570:H570"/>
    <mergeCell ref="G571:H571"/>
    <mergeCell ref="G572:H572"/>
    <mergeCell ref="G573:H573"/>
    <mergeCell ref="G506:H506"/>
    <mergeCell ref="G507:H507"/>
    <mergeCell ref="G509:H509"/>
    <mergeCell ref="G510:H510"/>
    <mergeCell ref="G511:H511"/>
    <mergeCell ref="G512:H512"/>
    <mergeCell ref="G513:H513"/>
    <mergeCell ref="G514:H514"/>
    <mergeCell ref="G533:H533"/>
    <mergeCell ref="G534:H534"/>
    <mergeCell ref="G535:H535"/>
    <mergeCell ref="B565:H565"/>
    <mergeCell ref="G540:H540"/>
    <mergeCell ref="G541:H541"/>
    <mergeCell ref="G542:H542"/>
    <mergeCell ref="G543:H543"/>
    <mergeCell ref="G544:H544"/>
    <mergeCell ref="G545:H545"/>
    <mergeCell ref="G546:H546"/>
    <mergeCell ref="G548:H548"/>
    <mergeCell ref="G549:H549"/>
    <mergeCell ref="G550:H550"/>
    <mergeCell ref="C575:C580"/>
    <mergeCell ref="D575:D580"/>
    <mergeCell ref="C582:C588"/>
    <mergeCell ref="D582:D588"/>
    <mergeCell ref="C590:C592"/>
    <mergeCell ref="D590:D592"/>
    <mergeCell ref="C594:C602"/>
    <mergeCell ref="D594:D602"/>
    <mergeCell ref="C604:C610"/>
    <mergeCell ref="D604:D610"/>
    <mergeCell ref="C612:C616"/>
    <mergeCell ref="D612:D616"/>
    <mergeCell ref="C618:C622"/>
    <mergeCell ref="D618:D622"/>
    <mergeCell ref="C624:C628"/>
    <mergeCell ref="D624:D628"/>
    <mergeCell ref="D706:D710"/>
    <mergeCell ref="C706:C710"/>
    <mergeCell ref="B593:H593"/>
    <mergeCell ref="B603:H603"/>
    <mergeCell ref="B611:H611"/>
    <mergeCell ref="B617:H617"/>
    <mergeCell ref="G575:H575"/>
    <mergeCell ref="G576:H576"/>
    <mergeCell ref="G577:H577"/>
    <mergeCell ref="G578:H578"/>
    <mergeCell ref="G604:H604"/>
    <mergeCell ref="G605:H605"/>
    <mergeCell ref="G606:H606"/>
    <mergeCell ref="G607:H607"/>
    <mergeCell ref="G608:H608"/>
    <mergeCell ref="G609:H609"/>
    <mergeCell ref="C783:C786"/>
    <mergeCell ref="D783:D786"/>
    <mergeCell ref="C788:C795"/>
    <mergeCell ref="D788:D795"/>
    <mergeCell ref="B782:H782"/>
    <mergeCell ref="B787:H787"/>
    <mergeCell ref="F783:F786"/>
    <mergeCell ref="F788:F795"/>
    <mergeCell ref="G783:H783"/>
    <mergeCell ref="G784:H784"/>
    <mergeCell ref="G785:H785"/>
    <mergeCell ref="G786:H786"/>
    <mergeCell ref="G788:H788"/>
    <mergeCell ref="G789:H789"/>
    <mergeCell ref="G790:H790"/>
    <mergeCell ref="G791:H791"/>
    <mergeCell ref="G792:H792"/>
    <mergeCell ref="G793:H793"/>
    <mergeCell ref="G794:H794"/>
    <mergeCell ref="G795:H795"/>
    <mergeCell ref="F100:F104"/>
    <mergeCell ref="F106:F109"/>
    <mergeCell ref="F111:F117"/>
    <mergeCell ref="F119:F123"/>
    <mergeCell ref="F125:F132"/>
    <mergeCell ref="F134:F141"/>
    <mergeCell ref="F143:F148"/>
    <mergeCell ref="F150:F155"/>
    <mergeCell ref="F157:F160"/>
    <mergeCell ref="F162:F165"/>
    <mergeCell ref="F167:F170"/>
    <mergeCell ref="F172:F175"/>
    <mergeCell ref="F177:F180"/>
    <mergeCell ref="F182:F188"/>
    <mergeCell ref="F190:F195"/>
    <mergeCell ref="F283:F289"/>
    <mergeCell ref="F291:F296"/>
    <mergeCell ref="B202:H202"/>
    <mergeCell ref="B228:H228"/>
    <mergeCell ref="B238:H238"/>
    <mergeCell ref="B247:H247"/>
    <mergeCell ref="B252:H252"/>
    <mergeCell ref="B257:H257"/>
    <mergeCell ref="B265:H265"/>
    <mergeCell ref="G279:H279"/>
    <mergeCell ref="G280:H280"/>
    <mergeCell ref="G281:H281"/>
    <mergeCell ref="G223:H223"/>
    <mergeCell ref="G224:H224"/>
    <mergeCell ref="G248:H248"/>
    <mergeCell ref="G249:H249"/>
    <mergeCell ref="G250:H250"/>
    <mergeCell ref="D291:D296"/>
    <mergeCell ref="C298:C300"/>
    <mergeCell ref="D298:D300"/>
    <mergeCell ref="C302:C307"/>
    <mergeCell ref="D302:D307"/>
    <mergeCell ref="C309:C312"/>
    <mergeCell ref="D309:D312"/>
    <mergeCell ref="C239:C246"/>
    <mergeCell ref="D239:D246"/>
    <mergeCell ref="F314:F320"/>
    <mergeCell ref="F322:F324"/>
    <mergeCell ref="F326:F334"/>
    <mergeCell ref="F336:F338"/>
    <mergeCell ref="F340:F346"/>
    <mergeCell ref="F348:F351"/>
    <mergeCell ref="F353:F358"/>
    <mergeCell ref="F360:F367"/>
    <mergeCell ref="F239:F246"/>
    <mergeCell ref="F248:F251"/>
    <mergeCell ref="F253:F256"/>
    <mergeCell ref="F258:F264"/>
    <mergeCell ref="C248:C251"/>
    <mergeCell ref="D248:D251"/>
    <mergeCell ref="C253:C256"/>
    <mergeCell ref="D253:D256"/>
    <mergeCell ref="C258:C264"/>
    <mergeCell ref="C340:C346"/>
    <mergeCell ref="D340:D346"/>
    <mergeCell ref="F272:F275"/>
    <mergeCell ref="D258:D264"/>
    <mergeCell ref="C266:C270"/>
    <mergeCell ref="D266:D270"/>
    <mergeCell ref="F388:F397"/>
    <mergeCell ref="F399:F405"/>
    <mergeCell ref="B429:H429"/>
    <mergeCell ref="B437:H437"/>
    <mergeCell ref="C426:C428"/>
    <mergeCell ref="D426:D428"/>
    <mergeCell ref="C430:C436"/>
    <mergeCell ref="D430:D436"/>
    <mergeCell ref="G389:H389"/>
    <mergeCell ref="G390:H390"/>
    <mergeCell ref="G391:H391"/>
    <mergeCell ref="C348:C351"/>
    <mergeCell ref="D348:D351"/>
    <mergeCell ref="C353:C358"/>
    <mergeCell ref="D353:D358"/>
    <mergeCell ref="C360:C367"/>
    <mergeCell ref="D360:D367"/>
    <mergeCell ref="C369:C377"/>
    <mergeCell ref="D369:D377"/>
    <mergeCell ref="C379:C386"/>
    <mergeCell ref="D379:D386"/>
    <mergeCell ref="C388:C397"/>
    <mergeCell ref="C420:C424"/>
    <mergeCell ref="D420:D424"/>
    <mergeCell ref="G362:H362"/>
    <mergeCell ref="G363:H363"/>
    <mergeCell ref="G364:H364"/>
    <mergeCell ref="G365:H365"/>
    <mergeCell ref="G366:H366"/>
    <mergeCell ref="G367:H367"/>
    <mergeCell ref="G384:H384"/>
    <mergeCell ref="G385:H385"/>
    <mergeCell ref="B1281:C1281"/>
    <mergeCell ref="F1281:H1281"/>
    <mergeCell ref="G1226:H1226"/>
    <mergeCell ref="B1215:H1215"/>
    <mergeCell ref="C1216:C1218"/>
    <mergeCell ref="D1216:D1218"/>
    <mergeCell ref="F1216:F1218"/>
    <mergeCell ref="G1216:H1216"/>
    <mergeCell ref="G1217:H1217"/>
    <mergeCell ref="G1218:H1218"/>
    <mergeCell ref="F407:F411"/>
    <mergeCell ref="F413:F418"/>
    <mergeCell ref="F420:F424"/>
    <mergeCell ref="F426:F428"/>
    <mergeCell ref="F430:F436"/>
    <mergeCell ref="F438:F443"/>
    <mergeCell ref="F445:F447"/>
    <mergeCell ref="C438:C443"/>
    <mergeCell ref="D438:D443"/>
    <mergeCell ref="C445:C447"/>
    <mergeCell ref="D445:D447"/>
    <mergeCell ref="C731:C736"/>
    <mergeCell ref="D731:D736"/>
    <mergeCell ref="C738:C744"/>
    <mergeCell ref="D738:D744"/>
    <mergeCell ref="C746:C753"/>
    <mergeCell ref="D746:D753"/>
    <mergeCell ref="C755:C760"/>
    <mergeCell ref="D755:D760"/>
    <mergeCell ref="C762:C767"/>
    <mergeCell ref="D762:D767"/>
    <mergeCell ref="C769:C773"/>
  </mergeCells>
  <conditionalFormatting sqref="E1249:E1250 F1220:F1226">
    <cfRule type="containsBlanks" dxfId="557" priority="682">
      <formula>LEN(TRIM(E1220))=0</formula>
    </cfRule>
  </conditionalFormatting>
  <conditionalFormatting sqref="F1299:G1299">
    <cfRule type="containsBlanks" dxfId="556" priority="681">
      <formula>LEN(TRIM(F1299))=0</formula>
    </cfRule>
  </conditionalFormatting>
  <conditionalFormatting sqref="B1297">
    <cfRule type="containsBlanks" dxfId="555" priority="679">
      <formula>LEN(TRIM(B1297))=0</formula>
    </cfRule>
  </conditionalFormatting>
  <conditionalFormatting sqref="F1300:G1300">
    <cfRule type="containsBlanks" dxfId="554" priority="680">
      <formula>LEN(TRIM(F1300))=0</formula>
    </cfRule>
  </conditionalFormatting>
  <conditionalFormatting sqref="B1299">
    <cfRule type="containsBlanks" dxfId="553" priority="678">
      <formula>LEN(TRIM(B1299))=0</formula>
    </cfRule>
  </conditionalFormatting>
  <conditionalFormatting sqref="B4:B5">
    <cfRule type="containsBlanks" dxfId="552" priority="677">
      <formula>LEN(TRIM(B4))=0</formula>
    </cfRule>
  </conditionalFormatting>
  <conditionalFormatting sqref="B1290">
    <cfRule type="containsBlanks" dxfId="551" priority="667">
      <formula>LEN(TRIM(B1290))=0</formula>
    </cfRule>
  </conditionalFormatting>
  <conditionalFormatting sqref="E39:F43">
    <cfRule type="containsBlanks" dxfId="550" priority="616">
      <formula>LEN(TRIM(E39))=0</formula>
    </cfRule>
  </conditionalFormatting>
  <conditionalFormatting sqref="F45:F50">
    <cfRule type="containsBlanks" dxfId="549" priority="615">
      <formula>LEN(TRIM(F45))=0</formula>
    </cfRule>
  </conditionalFormatting>
  <conditionalFormatting sqref="E52:E57">
    <cfRule type="containsBlanks" dxfId="548" priority="614">
      <formula>LEN(TRIM(E52))=0</formula>
    </cfRule>
  </conditionalFormatting>
  <conditionalFormatting sqref="F59:F62">
    <cfRule type="containsBlanks" dxfId="547" priority="613">
      <formula>LEN(TRIM(F59))=0</formula>
    </cfRule>
  </conditionalFormatting>
  <conditionalFormatting sqref="E82:E83">
    <cfRule type="containsBlanks" dxfId="546" priority="610">
      <formula>LEN(TRIM(E82))=0</formula>
    </cfRule>
  </conditionalFormatting>
  <conditionalFormatting sqref="E98">
    <cfRule type="containsBlanks" dxfId="545" priority="608">
      <formula>LEN(TRIM(E98))=0</formula>
    </cfRule>
  </conditionalFormatting>
  <conditionalFormatting sqref="F94:F98">
    <cfRule type="containsBlanks" dxfId="544" priority="607">
      <formula>LEN(TRIM(F94))=0</formula>
    </cfRule>
  </conditionalFormatting>
  <conditionalFormatting sqref="E100:E104">
    <cfRule type="containsBlanks" dxfId="543" priority="606">
      <formula>LEN(TRIM(E100))=0</formula>
    </cfRule>
  </conditionalFormatting>
  <conditionalFormatting sqref="E106:F109">
    <cfRule type="containsBlanks" dxfId="542" priority="605">
      <formula>LEN(TRIM(E106))=0</formula>
    </cfRule>
  </conditionalFormatting>
  <conditionalFormatting sqref="F111:F117">
    <cfRule type="containsBlanks" dxfId="541" priority="604">
      <formula>LEN(TRIM(F111))=0</formula>
    </cfRule>
  </conditionalFormatting>
  <conditionalFormatting sqref="F119:F123">
    <cfRule type="containsBlanks" dxfId="540" priority="603">
      <formula>LEN(TRIM(F119))=0</formula>
    </cfRule>
  </conditionalFormatting>
  <conditionalFormatting sqref="F125:F132">
    <cfRule type="containsBlanks" dxfId="539" priority="602">
      <formula>LEN(TRIM(F125))=0</formula>
    </cfRule>
  </conditionalFormatting>
  <conditionalFormatting sqref="F134:F141">
    <cfRule type="containsBlanks" dxfId="538" priority="601">
      <formula>LEN(TRIM(F134))=0</formula>
    </cfRule>
  </conditionalFormatting>
  <conditionalFormatting sqref="F143:F148">
    <cfRule type="containsBlanks" dxfId="537" priority="600">
      <formula>LEN(TRIM(F143))=0</formula>
    </cfRule>
  </conditionalFormatting>
  <conditionalFormatting sqref="F157:F160">
    <cfRule type="containsBlanks" dxfId="536" priority="598">
      <formula>LEN(TRIM(F157))=0</formula>
    </cfRule>
  </conditionalFormatting>
  <conditionalFormatting sqref="F182:F188">
    <cfRule type="containsBlanks" dxfId="535" priority="593">
      <formula>LEN(TRIM(F182))=0</formula>
    </cfRule>
  </conditionalFormatting>
  <conditionalFormatting sqref="F190">
    <cfRule type="containsBlanks" dxfId="534" priority="591">
      <formula>LEN(TRIM(F190))=0</formula>
    </cfRule>
  </conditionalFormatting>
  <conditionalFormatting sqref="F197:F201">
    <cfRule type="containsBlanks" dxfId="533" priority="590">
      <formula>LEN(TRIM(F197))=0</formula>
    </cfRule>
  </conditionalFormatting>
  <conditionalFormatting sqref="F203:F210">
    <cfRule type="containsBlanks" dxfId="532" priority="588">
      <formula>LEN(TRIM(F203))=0</formula>
    </cfRule>
  </conditionalFormatting>
  <conditionalFormatting sqref="F221:F227">
    <cfRule type="containsBlanks" dxfId="531" priority="582">
      <formula>LEN(TRIM(F221))=0</formula>
    </cfRule>
  </conditionalFormatting>
  <conditionalFormatting sqref="F229:F237">
    <cfRule type="containsBlanks" dxfId="530" priority="579">
      <formula>LEN(TRIM(F229))=0</formula>
    </cfRule>
  </conditionalFormatting>
  <conditionalFormatting sqref="F239:F246">
    <cfRule type="containsBlanks" dxfId="529" priority="577">
      <formula>LEN(TRIM(F239))=0</formula>
    </cfRule>
  </conditionalFormatting>
  <conditionalFormatting sqref="F248:F251">
    <cfRule type="containsBlanks" dxfId="528" priority="576">
      <formula>LEN(TRIM(F248))=0</formula>
    </cfRule>
  </conditionalFormatting>
  <conditionalFormatting sqref="F258:F264">
    <cfRule type="containsBlanks" dxfId="527" priority="573">
      <formula>LEN(TRIM(F258))=0</formula>
    </cfRule>
  </conditionalFormatting>
  <conditionalFormatting sqref="F266:F270">
    <cfRule type="containsBlanks" dxfId="526" priority="572">
      <formula>LEN(TRIM(F266))=0</formula>
    </cfRule>
  </conditionalFormatting>
  <conditionalFormatting sqref="F272:F275">
    <cfRule type="containsBlanks" dxfId="525" priority="571">
      <formula>LEN(TRIM(F272))=0</formula>
    </cfRule>
  </conditionalFormatting>
  <conditionalFormatting sqref="F283:F289">
    <cfRule type="containsBlanks" dxfId="524" priority="567">
      <formula>LEN(TRIM(F283))=0</formula>
    </cfRule>
  </conditionalFormatting>
  <conditionalFormatting sqref="F291:F296">
    <cfRule type="containsBlanks" dxfId="523" priority="566">
      <formula>LEN(TRIM(F291))=0</formula>
    </cfRule>
  </conditionalFormatting>
  <conditionalFormatting sqref="E295:E296">
    <cfRule type="containsBlanks" dxfId="522" priority="564">
      <formula>LEN(TRIM(E295))=0</formula>
    </cfRule>
  </conditionalFormatting>
  <conditionalFormatting sqref="F298:F300">
    <cfRule type="containsBlanks" dxfId="521" priority="562">
      <formula>LEN(TRIM(F298))=0</formula>
    </cfRule>
  </conditionalFormatting>
  <conditionalFormatting sqref="F302:F307">
    <cfRule type="containsBlanks" dxfId="520" priority="560">
      <formula>LEN(TRIM(F302))=0</formula>
    </cfRule>
  </conditionalFormatting>
  <conditionalFormatting sqref="F309:F312">
    <cfRule type="containsBlanks" dxfId="519" priority="558">
      <formula>LEN(TRIM(F309))=0</formula>
    </cfRule>
  </conditionalFormatting>
  <conditionalFormatting sqref="E320">
    <cfRule type="containsBlanks" dxfId="518" priority="557">
      <formula>LEN(TRIM(E320))=0</formula>
    </cfRule>
  </conditionalFormatting>
  <conditionalFormatting sqref="F314:F320">
    <cfRule type="containsBlanks" dxfId="517" priority="556">
      <formula>LEN(TRIM(F314))=0</formula>
    </cfRule>
  </conditionalFormatting>
  <conditionalFormatting sqref="F340:F346">
    <cfRule type="containsBlanks" dxfId="516" priority="552">
      <formula>LEN(TRIM(F340))=0</formula>
    </cfRule>
  </conditionalFormatting>
  <conditionalFormatting sqref="F348:F351">
    <cfRule type="containsBlanks" dxfId="515" priority="551">
      <formula>LEN(TRIM(F348))=0</formula>
    </cfRule>
  </conditionalFormatting>
  <conditionalFormatting sqref="F353:F358">
    <cfRule type="containsBlanks" dxfId="514" priority="550">
      <formula>LEN(TRIM(F353))=0</formula>
    </cfRule>
  </conditionalFormatting>
  <conditionalFormatting sqref="E360:E367">
    <cfRule type="containsBlanks" dxfId="513" priority="549">
      <formula>LEN(TRIM(E360))=0</formula>
    </cfRule>
  </conditionalFormatting>
  <conditionalFormatting sqref="E369:E377">
    <cfRule type="containsBlanks" dxfId="512" priority="548">
      <formula>LEN(TRIM(E369))=0</formula>
    </cfRule>
  </conditionalFormatting>
  <conditionalFormatting sqref="E379:E385">
    <cfRule type="containsBlanks" dxfId="511" priority="547">
      <formula>LEN(TRIM(E379))=0</formula>
    </cfRule>
  </conditionalFormatting>
  <conditionalFormatting sqref="E386">
    <cfRule type="containsBlanks" dxfId="510" priority="546">
      <formula>LEN(TRIM(E386))=0</formula>
    </cfRule>
  </conditionalFormatting>
  <conditionalFormatting sqref="E388:E394">
    <cfRule type="containsBlanks" dxfId="509" priority="545">
      <formula>LEN(TRIM(E388))=0</formula>
    </cfRule>
  </conditionalFormatting>
  <conditionalFormatting sqref="E395:E397">
    <cfRule type="containsBlanks" dxfId="508" priority="544">
      <formula>LEN(TRIM(E395))=0</formula>
    </cfRule>
  </conditionalFormatting>
  <conditionalFormatting sqref="E1180:F1185">
    <cfRule type="containsBlanks" dxfId="507" priority="543">
      <formula>LEN(TRIM(E1180))=0</formula>
    </cfRule>
  </conditionalFormatting>
  <conditionalFormatting sqref="E399:E405">
    <cfRule type="containsBlanks" dxfId="506" priority="541">
      <formula>LEN(TRIM(E399))=0</formula>
    </cfRule>
  </conditionalFormatting>
  <conditionalFormatting sqref="E407:E411">
    <cfRule type="containsBlanks" dxfId="505" priority="539">
      <formula>LEN(TRIM(E407))=0</formula>
    </cfRule>
  </conditionalFormatting>
  <conditionalFormatting sqref="E413:E418">
    <cfRule type="containsBlanks" dxfId="504" priority="538">
      <formula>LEN(TRIM(E413))=0</formula>
    </cfRule>
  </conditionalFormatting>
  <conditionalFormatting sqref="E420:E423">
    <cfRule type="containsBlanks" dxfId="503" priority="537">
      <formula>LEN(TRIM(E420))=0</formula>
    </cfRule>
  </conditionalFormatting>
  <conditionalFormatting sqref="E424">
    <cfRule type="containsBlanks" dxfId="502" priority="536">
      <formula>LEN(TRIM(E424))=0</formula>
    </cfRule>
  </conditionalFormatting>
  <conditionalFormatting sqref="E426:E428">
    <cfRule type="containsBlanks" dxfId="501" priority="535">
      <formula>LEN(TRIM(E426))=0</formula>
    </cfRule>
  </conditionalFormatting>
  <conditionalFormatting sqref="E430:E436">
    <cfRule type="containsBlanks" dxfId="500" priority="534">
      <formula>LEN(TRIM(E430))=0</formula>
    </cfRule>
  </conditionalFormatting>
  <conditionalFormatting sqref="E438:E443">
    <cfRule type="containsBlanks" dxfId="499" priority="532">
      <formula>LEN(TRIM(E438))=0</formula>
    </cfRule>
  </conditionalFormatting>
  <conditionalFormatting sqref="E445:E447">
    <cfRule type="containsBlanks" dxfId="498" priority="531">
      <formula>LEN(TRIM(E445))=0</formula>
    </cfRule>
  </conditionalFormatting>
  <conditionalFormatting sqref="E449:E452">
    <cfRule type="containsBlanks" dxfId="497" priority="530">
      <formula>LEN(TRIM(E449))=0</formula>
    </cfRule>
  </conditionalFormatting>
  <conditionalFormatting sqref="E454:E458">
    <cfRule type="containsBlanks" dxfId="496" priority="529">
      <formula>LEN(TRIM(E454))=0</formula>
    </cfRule>
  </conditionalFormatting>
  <conditionalFormatting sqref="E460:E465">
    <cfRule type="containsBlanks" dxfId="495" priority="528">
      <formula>LEN(TRIM(E460))=0</formula>
    </cfRule>
  </conditionalFormatting>
  <conditionalFormatting sqref="E467 E469:E470">
    <cfRule type="containsBlanks" dxfId="494" priority="527">
      <formula>LEN(TRIM(E467))=0</formula>
    </cfRule>
  </conditionalFormatting>
  <conditionalFormatting sqref="E468">
    <cfRule type="containsBlanks" dxfId="493" priority="526">
      <formula>LEN(TRIM(E468))=0</formula>
    </cfRule>
  </conditionalFormatting>
  <conditionalFormatting sqref="E472 E474:E475">
    <cfRule type="containsBlanks" dxfId="492" priority="525">
      <formula>LEN(TRIM(E472))=0</formula>
    </cfRule>
  </conditionalFormatting>
  <conditionalFormatting sqref="E473">
    <cfRule type="containsBlanks" dxfId="491" priority="524">
      <formula>LEN(TRIM(E473))=0</formula>
    </cfRule>
  </conditionalFormatting>
  <conditionalFormatting sqref="E477 E479:E480">
    <cfRule type="containsBlanks" dxfId="490" priority="523">
      <formula>LEN(TRIM(E477))=0</formula>
    </cfRule>
  </conditionalFormatting>
  <conditionalFormatting sqref="E478">
    <cfRule type="containsBlanks" dxfId="489" priority="522">
      <formula>LEN(TRIM(E478))=0</formula>
    </cfRule>
  </conditionalFormatting>
  <conditionalFormatting sqref="E482 E484:E485">
    <cfRule type="containsBlanks" dxfId="488" priority="521">
      <formula>LEN(TRIM(E482))=0</formula>
    </cfRule>
  </conditionalFormatting>
  <conditionalFormatting sqref="E483">
    <cfRule type="containsBlanks" dxfId="487" priority="520">
      <formula>LEN(TRIM(E483))=0</formula>
    </cfRule>
  </conditionalFormatting>
  <conditionalFormatting sqref="E487 E489:E490">
    <cfRule type="containsBlanks" dxfId="486" priority="519">
      <formula>LEN(TRIM(E487))=0</formula>
    </cfRule>
  </conditionalFormatting>
  <conditionalFormatting sqref="E488">
    <cfRule type="containsBlanks" dxfId="485" priority="518">
      <formula>LEN(TRIM(E488))=0</formula>
    </cfRule>
  </conditionalFormatting>
  <conditionalFormatting sqref="E491:E492">
    <cfRule type="containsBlanks" dxfId="484" priority="517">
      <formula>LEN(TRIM(E491))=0</formula>
    </cfRule>
  </conditionalFormatting>
  <conditionalFormatting sqref="E494 E496:E497">
    <cfRule type="containsBlanks" dxfId="483" priority="516">
      <formula>LEN(TRIM(E494))=0</formula>
    </cfRule>
  </conditionalFormatting>
  <conditionalFormatting sqref="E495">
    <cfRule type="containsBlanks" dxfId="482" priority="515">
      <formula>LEN(TRIM(E495))=0</formula>
    </cfRule>
  </conditionalFormatting>
  <conditionalFormatting sqref="E498:E500">
    <cfRule type="containsBlanks" dxfId="481" priority="514">
      <formula>LEN(TRIM(E498))=0</formula>
    </cfRule>
  </conditionalFormatting>
  <conditionalFormatting sqref="E502 E504:E505">
    <cfRule type="containsBlanks" dxfId="480" priority="513">
      <formula>LEN(TRIM(E502))=0</formula>
    </cfRule>
  </conditionalFormatting>
  <conditionalFormatting sqref="E506:E507">
    <cfRule type="containsBlanks" dxfId="479" priority="511">
      <formula>LEN(TRIM(E506))=0</formula>
    </cfRule>
  </conditionalFormatting>
  <conditionalFormatting sqref="E503">
    <cfRule type="containsBlanks" dxfId="478" priority="510">
      <formula>LEN(TRIM(E503))=0</formula>
    </cfRule>
  </conditionalFormatting>
  <conditionalFormatting sqref="E509 E511:E512">
    <cfRule type="containsBlanks" dxfId="477" priority="509">
      <formula>LEN(TRIM(E509))=0</formula>
    </cfRule>
  </conditionalFormatting>
  <conditionalFormatting sqref="E513:E514">
    <cfRule type="containsBlanks" dxfId="476" priority="508">
      <formula>LEN(TRIM(E513))=0</formula>
    </cfRule>
  </conditionalFormatting>
  <conditionalFormatting sqref="E510">
    <cfRule type="containsBlanks" dxfId="475" priority="507">
      <formula>LEN(TRIM(E510))=0</formula>
    </cfRule>
  </conditionalFormatting>
  <conditionalFormatting sqref="E516 E518:E519">
    <cfRule type="containsBlanks" dxfId="474" priority="506">
      <formula>LEN(TRIM(E516))=0</formula>
    </cfRule>
  </conditionalFormatting>
  <conditionalFormatting sqref="E517">
    <cfRule type="containsBlanks" dxfId="473" priority="504">
      <formula>LEN(TRIM(E517))=0</formula>
    </cfRule>
  </conditionalFormatting>
  <conditionalFormatting sqref="E521 E523:E524">
    <cfRule type="containsBlanks" dxfId="472" priority="503">
      <formula>LEN(TRIM(E521))=0</formula>
    </cfRule>
  </conditionalFormatting>
  <conditionalFormatting sqref="E525:E528">
    <cfRule type="containsBlanks" dxfId="471" priority="502">
      <formula>LEN(TRIM(E525))=0</formula>
    </cfRule>
  </conditionalFormatting>
  <conditionalFormatting sqref="E522">
    <cfRule type="containsBlanks" dxfId="470" priority="501">
      <formula>LEN(TRIM(E522))=0</formula>
    </cfRule>
  </conditionalFormatting>
  <conditionalFormatting sqref="E530 E532:E533">
    <cfRule type="containsBlanks" dxfId="469" priority="500">
      <formula>LEN(TRIM(E530))=0</formula>
    </cfRule>
  </conditionalFormatting>
  <conditionalFormatting sqref="E534:E537">
    <cfRule type="containsBlanks" dxfId="468" priority="499">
      <formula>LEN(TRIM(E534))=0</formula>
    </cfRule>
  </conditionalFormatting>
  <conditionalFormatting sqref="E531">
    <cfRule type="containsBlanks" dxfId="467" priority="498">
      <formula>LEN(TRIM(E531))=0</formula>
    </cfRule>
  </conditionalFormatting>
  <conditionalFormatting sqref="E539 E541:E542">
    <cfRule type="containsBlanks" dxfId="466" priority="497">
      <formula>LEN(TRIM(E539))=0</formula>
    </cfRule>
  </conditionalFormatting>
  <conditionalFormatting sqref="E543:E546">
    <cfRule type="containsBlanks" dxfId="465" priority="496">
      <formula>LEN(TRIM(E543))=0</formula>
    </cfRule>
  </conditionalFormatting>
  <conditionalFormatting sqref="E540">
    <cfRule type="containsBlanks" dxfId="464" priority="495">
      <formula>LEN(TRIM(E540))=0</formula>
    </cfRule>
  </conditionalFormatting>
  <conditionalFormatting sqref="E548 E550:E551">
    <cfRule type="containsBlanks" dxfId="463" priority="494">
      <formula>LEN(TRIM(E548))=0</formula>
    </cfRule>
  </conditionalFormatting>
  <conditionalFormatting sqref="E552:E555">
    <cfRule type="containsBlanks" dxfId="462" priority="493">
      <formula>LEN(TRIM(E552))=0</formula>
    </cfRule>
  </conditionalFormatting>
  <conditionalFormatting sqref="E549">
    <cfRule type="containsBlanks" dxfId="461" priority="492">
      <formula>LEN(TRIM(E549))=0</formula>
    </cfRule>
  </conditionalFormatting>
  <conditionalFormatting sqref="E557 E559:E560">
    <cfRule type="containsBlanks" dxfId="460" priority="491">
      <formula>LEN(TRIM(E557))=0</formula>
    </cfRule>
  </conditionalFormatting>
  <conditionalFormatting sqref="E561:E564">
    <cfRule type="containsBlanks" dxfId="459" priority="490">
      <formula>LEN(TRIM(E561))=0</formula>
    </cfRule>
  </conditionalFormatting>
  <conditionalFormatting sqref="E558">
    <cfRule type="containsBlanks" dxfId="458" priority="489">
      <formula>LEN(TRIM(E558))=0</formula>
    </cfRule>
  </conditionalFormatting>
  <conditionalFormatting sqref="E566 E568:E569">
    <cfRule type="containsBlanks" dxfId="457" priority="488">
      <formula>LEN(TRIM(E566))=0</formula>
    </cfRule>
  </conditionalFormatting>
  <conditionalFormatting sqref="E570:E573">
    <cfRule type="containsBlanks" dxfId="456" priority="487">
      <formula>LEN(TRIM(E570))=0</formula>
    </cfRule>
  </conditionalFormatting>
  <conditionalFormatting sqref="E567">
    <cfRule type="containsBlanks" dxfId="455" priority="486">
      <formula>LEN(TRIM(E567))=0</formula>
    </cfRule>
  </conditionalFormatting>
  <conditionalFormatting sqref="E575:E580">
    <cfRule type="containsBlanks" dxfId="454" priority="485">
      <formula>LEN(TRIM(E575))=0</formula>
    </cfRule>
  </conditionalFormatting>
  <conditionalFormatting sqref="E582:E588">
    <cfRule type="containsBlanks" dxfId="453" priority="484">
      <formula>LEN(TRIM(E582))=0</formula>
    </cfRule>
  </conditionalFormatting>
  <conditionalFormatting sqref="E590:E592">
    <cfRule type="containsBlanks" dxfId="452" priority="483">
      <formula>LEN(TRIM(E590))=0</formula>
    </cfRule>
  </conditionalFormatting>
  <conditionalFormatting sqref="E594:E602">
    <cfRule type="containsBlanks" dxfId="451" priority="482">
      <formula>LEN(TRIM(E594))=0</formula>
    </cfRule>
  </conditionalFormatting>
  <conditionalFormatting sqref="E604:E610">
    <cfRule type="containsBlanks" dxfId="450" priority="481">
      <formula>LEN(TRIM(E604))=0</formula>
    </cfRule>
  </conditionalFormatting>
  <conditionalFormatting sqref="E612:E616">
    <cfRule type="containsBlanks" dxfId="449" priority="480">
      <formula>LEN(TRIM(E612))=0</formula>
    </cfRule>
  </conditionalFormatting>
  <conditionalFormatting sqref="E618:E622">
    <cfRule type="containsBlanks" dxfId="448" priority="479">
      <formula>LEN(TRIM(E618))=0</formula>
    </cfRule>
  </conditionalFormatting>
  <conditionalFormatting sqref="E624:E628">
    <cfRule type="containsBlanks" dxfId="447" priority="478">
      <formula>LEN(TRIM(E624))=0</formula>
    </cfRule>
  </conditionalFormatting>
  <conditionalFormatting sqref="E630:E635">
    <cfRule type="containsBlanks" dxfId="446" priority="477">
      <formula>LEN(TRIM(E630))=0</formula>
    </cfRule>
  </conditionalFormatting>
  <conditionalFormatting sqref="E637:E641">
    <cfRule type="containsBlanks" dxfId="445" priority="476">
      <formula>LEN(TRIM(E637))=0</formula>
    </cfRule>
  </conditionalFormatting>
  <conditionalFormatting sqref="E643:E647">
    <cfRule type="containsBlanks" dxfId="444" priority="475">
      <formula>LEN(TRIM(E643))=0</formula>
    </cfRule>
  </conditionalFormatting>
  <conditionalFormatting sqref="E649:E653">
    <cfRule type="containsBlanks" dxfId="443" priority="474">
      <formula>LEN(TRIM(E649))=0</formula>
    </cfRule>
  </conditionalFormatting>
  <conditionalFormatting sqref="E655:E659">
    <cfRule type="containsBlanks" dxfId="442" priority="473">
      <formula>LEN(TRIM(E655))=0</formula>
    </cfRule>
  </conditionalFormatting>
  <conditionalFormatting sqref="E661:E664">
    <cfRule type="containsBlanks" dxfId="441" priority="472">
      <formula>LEN(TRIM(E661))=0</formula>
    </cfRule>
  </conditionalFormatting>
  <conditionalFormatting sqref="E666:E669">
    <cfRule type="containsBlanks" dxfId="440" priority="471">
      <formula>LEN(TRIM(E666))=0</formula>
    </cfRule>
  </conditionalFormatting>
  <conditionalFormatting sqref="E671:E674">
    <cfRule type="containsBlanks" dxfId="439" priority="470">
      <formula>LEN(TRIM(E671))=0</formula>
    </cfRule>
  </conditionalFormatting>
  <conditionalFormatting sqref="E676:E680">
    <cfRule type="containsBlanks" dxfId="438" priority="469">
      <formula>LEN(TRIM(E676))=0</formula>
    </cfRule>
  </conditionalFormatting>
  <conditionalFormatting sqref="E689:E690 E682:E687">
    <cfRule type="containsBlanks" dxfId="437" priority="468">
      <formula>LEN(TRIM(E682))=0</formula>
    </cfRule>
  </conditionalFormatting>
  <conditionalFormatting sqref="E688">
    <cfRule type="containsBlanks" dxfId="436" priority="467">
      <formula>LEN(TRIM(E688))=0</formula>
    </cfRule>
  </conditionalFormatting>
  <conditionalFormatting sqref="E692:E696">
    <cfRule type="containsBlanks" dxfId="435" priority="466">
      <formula>LEN(TRIM(E692))=0</formula>
    </cfRule>
  </conditionalFormatting>
  <conditionalFormatting sqref="E698:E703">
    <cfRule type="containsBlanks" dxfId="434" priority="465">
      <formula>LEN(TRIM(E698))=0</formula>
    </cfRule>
  </conditionalFormatting>
  <conditionalFormatting sqref="E704">
    <cfRule type="containsBlanks" dxfId="433" priority="464">
      <formula>LEN(TRIM(E704))=0</formula>
    </cfRule>
  </conditionalFormatting>
  <conditionalFormatting sqref="E706:E710">
    <cfRule type="containsBlanks" dxfId="432" priority="463">
      <formula>LEN(TRIM(E706))=0</formula>
    </cfRule>
  </conditionalFormatting>
  <conditionalFormatting sqref="E712:E715">
    <cfRule type="containsBlanks" dxfId="431" priority="461">
      <formula>LEN(TRIM(E712))=0</formula>
    </cfRule>
  </conditionalFormatting>
  <conditionalFormatting sqref="E724:E729">
    <cfRule type="containsBlanks" dxfId="430" priority="460">
      <formula>LEN(TRIM(E724))=0</formula>
    </cfRule>
  </conditionalFormatting>
  <conditionalFormatting sqref="E717:E722">
    <cfRule type="containsBlanks" dxfId="429" priority="459">
      <formula>LEN(TRIM(E717))=0</formula>
    </cfRule>
  </conditionalFormatting>
  <conditionalFormatting sqref="E731:E736">
    <cfRule type="containsBlanks" dxfId="428" priority="458">
      <formula>LEN(TRIM(E731))=0</formula>
    </cfRule>
  </conditionalFormatting>
  <conditionalFormatting sqref="E738:E744">
    <cfRule type="containsBlanks" dxfId="427" priority="457">
      <formula>LEN(TRIM(E738))=0</formula>
    </cfRule>
  </conditionalFormatting>
  <conditionalFormatting sqref="E746:E753">
    <cfRule type="containsBlanks" dxfId="426" priority="456">
      <formula>LEN(TRIM(E746))=0</formula>
    </cfRule>
  </conditionalFormatting>
  <conditionalFormatting sqref="E755:E760">
    <cfRule type="containsBlanks" dxfId="425" priority="455">
      <formula>LEN(TRIM(E755))=0</formula>
    </cfRule>
  </conditionalFormatting>
  <conditionalFormatting sqref="E762:E767">
    <cfRule type="containsBlanks" dxfId="424" priority="454">
      <formula>LEN(TRIM(E762))=0</formula>
    </cfRule>
  </conditionalFormatting>
  <conditionalFormatting sqref="E769:E773">
    <cfRule type="containsBlanks" dxfId="423" priority="453">
      <formula>LEN(TRIM(E769))=0</formula>
    </cfRule>
  </conditionalFormatting>
  <conditionalFormatting sqref="E775:E781">
    <cfRule type="containsBlanks" dxfId="422" priority="452">
      <formula>LEN(TRIM(E775))=0</formula>
    </cfRule>
  </conditionalFormatting>
  <conditionalFormatting sqref="E783:E786">
    <cfRule type="containsBlanks" dxfId="421" priority="451">
      <formula>LEN(TRIM(E783))=0</formula>
    </cfRule>
  </conditionalFormatting>
  <conditionalFormatting sqref="E788:E795">
    <cfRule type="containsBlanks" dxfId="420" priority="450">
      <formula>LEN(TRIM(E788))=0</formula>
    </cfRule>
  </conditionalFormatting>
  <conditionalFormatting sqref="E45:E50">
    <cfRule type="containsBlanks" dxfId="419" priority="449">
      <formula>LEN(TRIM(E45))=0</formula>
    </cfRule>
  </conditionalFormatting>
  <conditionalFormatting sqref="F52:F57">
    <cfRule type="containsBlanks" dxfId="418" priority="448">
      <formula>LEN(TRIM(F52))=0</formula>
    </cfRule>
  </conditionalFormatting>
  <conditionalFormatting sqref="E59:E62">
    <cfRule type="containsBlanks" dxfId="417" priority="447">
      <formula>LEN(TRIM(E59))=0</formula>
    </cfRule>
  </conditionalFormatting>
  <conditionalFormatting sqref="E64:E69">
    <cfRule type="containsBlanks" dxfId="416" priority="446">
      <formula>LEN(TRIM(E64))=0</formula>
    </cfRule>
  </conditionalFormatting>
  <conditionalFormatting sqref="F64:F69">
    <cfRule type="containsBlanks" dxfId="415" priority="445">
      <formula>LEN(TRIM(F64))=0</formula>
    </cfRule>
  </conditionalFormatting>
  <conditionalFormatting sqref="F71:F74">
    <cfRule type="containsBlanks" dxfId="414" priority="444">
      <formula>LEN(TRIM(F71))=0</formula>
    </cfRule>
  </conditionalFormatting>
  <conditionalFormatting sqref="E71:E74">
    <cfRule type="containsBlanks" dxfId="413" priority="443">
      <formula>LEN(TRIM(E71))=0</formula>
    </cfRule>
  </conditionalFormatting>
  <conditionalFormatting sqref="E76:E81">
    <cfRule type="containsBlanks" dxfId="412" priority="442">
      <formula>LEN(TRIM(E76))=0</formula>
    </cfRule>
  </conditionalFormatting>
  <conditionalFormatting sqref="F76:F83">
    <cfRule type="containsBlanks" dxfId="411" priority="441">
      <formula>LEN(TRIM(F76))=0</formula>
    </cfRule>
  </conditionalFormatting>
  <conditionalFormatting sqref="E91:E92">
    <cfRule type="containsBlanks" dxfId="410" priority="440">
      <formula>LEN(TRIM(E91))=0</formula>
    </cfRule>
  </conditionalFormatting>
  <conditionalFormatting sqref="E85:E90">
    <cfRule type="containsBlanks" dxfId="409" priority="439">
      <formula>LEN(TRIM(E85))=0</formula>
    </cfRule>
  </conditionalFormatting>
  <conditionalFormatting sqref="F85:F92">
    <cfRule type="containsBlanks" dxfId="408" priority="438">
      <formula>LEN(TRIM(F85))=0</formula>
    </cfRule>
  </conditionalFormatting>
  <conditionalFormatting sqref="E94:E97">
    <cfRule type="containsBlanks" dxfId="407" priority="437">
      <formula>LEN(TRIM(E94))=0</formula>
    </cfRule>
  </conditionalFormatting>
  <conditionalFormatting sqref="F100:F104">
    <cfRule type="containsBlanks" dxfId="406" priority="436">
      <formula>LEN(TRIM(F100))=0</formula>
    </cfRule>
  </conditionalFormatting>
  <conditionalFormatting sqref="E111:E117">
    <cfRule type="containsBlanks" dxfId="405" priority="435">
      <formula>LEN(TRIM(E111))=0</formula>
    </cfRule>
  </conditionalFormatting>
  <conditionalFormatting sqref="E119">
    <cfRule type="containsBlanks" dxfId="404" priority="434">
      <formula>LEN(TRIM(E119))=0</formula>
    </cfRule>
  </conditionalFormatting>
  <conditionalFormatting sqref="E120">
    <cfRule type="containsBlanks" dxfId="403" priority="433">
      <formula>LEN(TRIM(E120))=0</formula>
    </cfRule>
  </conditionalFormatting>
  <conditionalFormatting sqref="E121">
    <cfRule type="containsBlanks" dxfId="402" priority="431">
      <formula>LEN(TRIM(E121))=0</formula>
    </cfRule>
  </conditionalFormatting>
  <conditionalFormatting sqref="E122">
    <cfRule type="containsBlanks" dxfId="401" priority="430">
      <formula>LEN(TRIM(E122))=0</formula>
    </cfRule>
  </conditionalFormatting>
  <conditionalFormatting sqref="E123">
    <cfRule type="containsBlanks" dxfId="400" priority="429">
      <formula>LEN(TRIM(E123))=0</formula>
    </cfRule>
  </conditionalFormatting>
  <conditionalFormatting sqref="E125">
    <cfRule type="containsBlanks" dxfId="399" priority="428">
      <formula>LEN(TRIM(E125))=0</formula>
    </cfRule>
  </conditionalFormatting>
  <conditionalFormatting sqref="E126">
    <cfRule type="containsBlanks" dxfId="398" priority="427">
      <formula>LEN(TRIM(E126))=0</formula>
    </cfRule>
  </conditionalFormatting>
  <conditionalFormatting sqref="E127">
    <cfRule type="containsBlanks" dxfId="397" priority="426">
      <formula>LEN(TRIM(E127))=0</formula>
    </cfRule>
  </conditionalFormatting>
  <conditionalFormatting sqref="E128">
    <cfRule type="containsBlanks" dxfId="396" priority="425">
      <formula>LEN(TRIM(E128))=0</formula>
    </cfRule>
  </conditionalFormatting>
  <conditionalFormatting sqref="E129">
    <cfRule type="containsBlanks" dxfId="395" priority="424">
      <formula>LEN(TRIM(E129))=0</formula>
    </cfRule>
  </conditionalFormatting>
  <conditionalFormatting sqref="E130">
    <cfRule type="containsBlanks" dxfId="394" priority="423">
      <formula>LEN(TRIM(E130))=0</formula>
    </cfRule>
  </conditionalFormatting>
  <conditionalFormatting sqref="E131">
    <cfRule type="containsBlanks" dxfId="393" priority="422">
      <formula>LEN(TRIM(E131))=0</formula>
    </cfRule>
  </conditionalFormatting>
  <conditionalFormatting sqref="E132">
    <cfRule type="containsBlanks" dxfId="392" priority="421">
      <formula>LEN(TRIM(E132))=0</formula>
    </cfRule>
  </conditionalFormatting>
  <conditionalFormatting sqref="E134">
    <cfRule type="containsBlanks" dxfId="391" priority="420">
      <formula>LEN(TRIM(E134))=0</formula>
    </cfRule>
  </conditionalFormatting>
  <conditionalFormatting sqref="E135">
    <cfRule type="containsBlanks" dxfId="390" priority="419">
      <formula>LEN(TRIM(E135))=0</formula>
    </cfRule>
  </conditionalFormatting>
  <conditionalFormatting sqref="E136">
    <cfRule type="containsBlanks" dxfId="389" priority="418">
      <formula>LEN(TRIM(E136))=0</formula>
    </cfRule>
  </conditionalFormatting>
  <conditionalFormatting sqref="E137">
    <cfRule type="containsBlanks" dxfId="388" priority="417">
      <formula>LEN(TRIM(E137))=0</formula>
    </cfRule>
  </conditionalFormatting>
  <conditionalFormatting sqref="E138">
    <cfRule type="containsBlanks" dxfId="387" priority="416">
      <formula>LEN(TRIM(E138))=0</formula>
    </cfRule>
  </conditionalFormatting>
  <conditionalFormatting sqref="E139">
    <cfRule type="containsBlanks" dxfId="386" priority="415">
      <formula>LEN(TRIM(E139))=0</formula>
    </cfRule>
  </conditionalFormatting>
  <conditionalFormatting sqref="E140">
    <cfRule type="containsBlanks" dxfId="385" priority="414">
      <formula>LEN(TRIM(E140))=0</formula>
    </cfRule>
  </conditionalFormatting>
  <conditionalFormatting sqref="E141">
    <cfRule type="containsBlanks" dxfId="384" priority="413">
      <formula>LEN(TRIM(E141))=0</formula>
    </cfRule>
  </conditionalFormatting>
  <conditionalFormatting sqref="E143">
    <cfRule type="containsBlanks" dxfId="383" priority="412">
      <formula>LEN(TRIM(E143))=0</formula>
    </cfRule>
  </conditionalFormatting>
  <conditionalFormatting sqref="E144">
    <cfRule type="containsBlanks" dxfId="382" priority="411">
      <formula>LEN(TRIM(E144))=0</formula>
    </cfRule>
  </conditionalFormatting>
  <conditionalFormatting sqref="E145">
    <cfRule type="containsBlanks" dxfId="381" priority="410">
      <formula>LEN(TRIM(E145))=0</formula>
    </cfRule>
  </conditionalFormatting>
  <conditionalFormatting sqref="E146">
    <cfRule type="containsBlanks" dxfId="380" priority="409">
      <formula>LEN(TRIM(E146))=0</formula>
    </cfRule>
  </conditionalFormatting>
  <conditionalFormatting sqref="E147">
    <cfRule type="containsBlanks" dxfId="379" priority="408">
      <formula>LEN(TRIM(E147))=0</formula>
    </cfRule>
  </conditionalFormatting>
  <conditionalFormatting sqref="E148">
    <cfRule type="containsBlanks" dxfId="378" priority="407">
      <formula>LEN(TRIM(E148))=0</formula>
    </cfRule>
  </conditionalFormatting>
  <conditionalFormatting sqref="E150">
    <cfRule type="containsBlanks" dxfId="377" priority="406">
      <formula>LEN(TRIM(E150))=0</formula>
    </cfRule>
  </conditionalFormatting>
  <conditionalFormatting sqref="E151">
    <cfRule type="containsBlanks" dxfId="376" priority="405">
      <formula>LEN(TRIM(E151))=0</formula>
    </cfRule>
  </conditionalFormatting>
  <conditionalFormatting sqref="E152">
    <cfRule type="containsBlanks" dxfId="375" priority="404">
      <formula>LEN(TRIM(E152))=0</formula>
    </cfRule>
  </conditionalFormatting>
  <conditionalFormatting sqref="E153">
    <cfRule type="containsBlanks" dxfId="374" priority="403">
      <formula>LEN(TRIM(E153))=0</formula>
    </cfRule>
  </conditionalFormatting>
  <conditionalFormatting sqref="E154">
    <cfRule type="containsBlanks" dxfId="373" priority="402">
      <formula>LEN(TRIM(E154))=0</formula>
    </cfRule>
  </conditionalFormatting>
  <conditionalFormatting sqref="E155">
    <cfRule type="containsBlanks" dxfId="372" priority="401">
      <formula>LEN(TRIM(E155))=0</formula>
    </cfRule>
  </conditionalFormatting>
  <conditionalFormatting sqref="E157">
    <cfRule type="containsBlanks" dxfId="371" priority="400">
      <formula>LEN(TRIM(E157))=0</formula>
    </cfRule>
  </conditionalFormatting>
  <conditionalFormatting sqref="E158">
    <cfRule type="containsBlanks" dxfId="370" priority="399">
      <formula>LEN(TRIM(E158))=0</formula>
    </cfRule>
  </conditionalFormatting>
  <conditionalFormatting sqref="E159">
    <cfRule type="containsBlanks" dxfId="369" priority="398">
      <formula>LEN(TRIM(E159))=0</formula>
    </cfRule>
  </conditionalFormatting>
  <conditionalFormatting sqref="E160">
    <cfRule type="containsBlanks" dxfId="368" priority="397">
      <formula>LEN(TRIM(E160))=0</formula>
    </cfRule>
  </conditionalFormatting>
  <conditionalFormatting sqref="E162">
    <cfRule type="containsBlanks" dxfId="367" priority="396">
      <formula>LEN(TRIM(E162))=0</formula>
    </cfRule>
  </conditionalFormatting>
  <conditionalFormatting sqref="E163">
    <cfRule type="containsBlanks" dxfId="366" priority="395">
      <formula>LEN(TRIM(E163))=0</formula>
    </cfRule>
  </conditionalFormatting>
  <conditionalFormatting sqref="E164">
    <cfRule type="containsBlanks" dxfId="365" priority="394">
      <formula>LEN(TRIM(E164))=0</formula>
    </cfRule>
  </conditionalFormatting>
  <conditionalFormatting sqref="E165">
    <cfRule type="containsBlanks" dxfId="364" priority="393">
      <formula>LEN(TRIM(E165))=0</formula>
    </cfRule>
  </conditionalFormatting>
  <conditionalFormatting sqref="E167">
    <cfRule type="containsBlanks" dxfId="363" priority="392">
      <formula>LEN(TRIM(E167))=0</formula>
    </cfRule>
  </conditionalFormatting>
  <conditionalFormatting sqref="E168">
    <cfRule type="containsBlanks" dxfId="362" priority="391">
      <formula>LEN(TRIM(E168))=0</formula>
    </cfRule>
  </conditionalFormatting>
  <conditionalFormatting sqref="E169">
    <cfRule type="containsBlanks" dxfId="361" priority="390">
      <formula>LEN(TRIM(E169))=0</formula>
    </cfRule>
  </conditionalFormatting>
  <conditionalFormatting sqref="E170">
    <cfRule type="containsBlanks" dxfId="360" priority="389">
      <formula>LEN(TRIM(E170))=0</formula>
    </cfRule>
  </conditionalFormatting>
  <conditionalFormatting sqref="E172">
    <cfRule type="containsBlanks" dxfId="359" priority="388">
      <formula>LEN(TRIM(E172))=0</formula>
    </cfRule>
  </conditionalFormatting>
  <conditionalFormatting sqref="E173">
    <cfRule type="containsBlanks" dxfId="358" priority="387">
      <formula>LEN(TRIM(E173))=0</formula>
    </cfRule>
  </conditionalFormatting>
  <conditionalFormatting sqref="E174">
    <cfRule type="containsBlanks" dxfId="357" priority="386">
      <formula>LEN(TRIM(E174))=0</formula>
    </cfRule>
  </conditionalFormatting>
  <conditionalFormatting sqref="E175">
    <cfRule type="containsBlanks" dxfId="356" priority="385">
      <formula>LEN(TRIM(E175))=0</formula>
    </cfRule>
  </conditionalFormatting>
  <conditionalFormatting sqref="E177">
    <cfRule type="containsBlanks" dxfId="355" priority="384">
      <formula>LEN(TRIM(E177))=0</formula>
    </cfRule>
  </conditionalFormatting>
  <conditionalFormatting sqref="E178">
    <cfRule type="containsBlanks" dxfId="354" priority="383">
      <formula>LEN(TRIM(E178))=0</formula>
    </cfRule>
  </conditionalFormatting>
  <conditionalFormatting sqref="E179">
    <cfRule type="containsBlanks" dxfId="353" priority="382">
      <formula>LEN(TRIM(E179))=0</formula>
    </cfRule>
  </conditionalFormatting>
  <conditionalFormatting sqref="E180">
    <cfRule type="containsBlanks" dxfId="352" priority="381">
      <formula>LEN(TRIM(E180))=0</formula>
    </cfRule>
  </conditionalFormatting>
  <conditionalFormatting sqref="E182">
    <cfRule type="containsBlanks" dxfId="351" priority="380">
      <formula>LEN(TRIM(E182))=0</formula>
    </cfRule>
  </conditionalFormatting>
  <conditionalFormatting sqref="E183">
    <cfRule type="containsBlanks" dxfId="350" priority="379">
      <formula>LEN(TRIM(E183))=0</formula>
    </cfRule>
  </conditionalFormatting>
  <conditionalFormatting sqref="E184">
    <cfRule type="containsBlanks" dxfId="349" priority="378">
      <formula>LEN(TRIM(E184))=0</formula>
    </cfRule>
  </conditionalFormatting>
  <conditionalFormatting sqref="E185">
    <cfRule type="containsBlanks" dxfId="348" priority="377">
      <formula>LEN(TRIM(E185))=0</formula>
    </cfRule>
  </conditionalFormatting>
  <conditionalFormatting sqref="E186">
    <cfRule type="containsBlanks" dxfId="347" priority="376">
      <formula>LEN(TRIM(E186))=0</formula>
    </cfRule>
  </conditionalFormatting>
  <conditionalFormatting sqref="E187">
    <cfRule type="containsBlanks" dxfId="346" priority="375">
      <formula>LEN(TRIM(E187))=0</formula>
    </cfRule>
  </conditionalFormatting>
  <conditionalFormatting sqref="E188">
    <cfRule type="containsBlanks" dxfId="345" priority="374">
      <formula>LEN(TRIM(E188))=0</formula>
    </cfRule>
  </conditionalFormatting>
  <conditionalFormatting sqref="E190">
    <cfRule type="containsBlanks" dxfId="344" priority="373">
      <formula>LEN(TRIM(E190))=0</formula>
    </cfRule>
  </conditionalFormatting>
  <conditionalFormatting sqref="E191">
    <cfRule type="containsBlanks" dxfId="343" priority="372">
      <formula>LEN(TRIM(E191))=0</formula>
    </cfRule>
  </conditionalFormatting>
  <conditionalFormatting sqref="E192">
    <cfRule type="containsBlanks" dxfId="342" priority="371">
      <formula>LEN(TRIM(E192))=0</formula>
    </cfRule>
  </conditionalFormatting>
  <conditionalFormatting sqref="E193">
    <cfRule type="containsBlanks" dxfId="341" priority="370">
      <formula>LEN(TRIM(E193))=0</formula>
    </cfRule>
  </conditionalFormatting>
  <conditionalFormatting sqref="E194">
    <cfRule type="containsBlanks" dxfId="340" priority="369">
      <formula>LEN(TRIM(E194))=0</formula>
    </cfRule>
  </conditionalFormatting>
  <conditionalFormatting sqref="E195">
    <cfRule type="containsBlanks" dxfId="339" priority="368">
      <formula>LEN(TRIM(E195))=0</formula>
    </cfRule>
  </conditionalFormatting>
  <conditionalFormatting sqref="E197">
    <cfRule type="containsBlanks" dxfId="338" priority="367">
      <formula>LEN(TRIM(E197))=0</formula>
    </cfRule>
  </conditionalFormatting>
  <conditionalFormatting sqref="E198">
    <cfRule type="containsBlanks" dxfId="337" priority="366">
      <formula>LEN(TRIM(E198))=0</formula>
    </cfRule>
  </conditionalFormatting>
  <conditionalFormatting sqref="E199">
    <cfRule type="containsBlanks" dxfId="336" priority="365">
      <formula>LEN(TRIM(E199))=0</formula>
    </cfRule>
  </conditionalFormatting>
  <conditionalFormatting sqref="E200">
    <cfRule type="containsBlanks" dxfId="335" priority="364">
      <formula>LEN(TRIM(E200))=0</formula>
    </cfRule>
  </conditionalFormatting>
  <conditionalFormatting sqref="E201">
    <cfRule type="containsBlanks" dxfId="334" priority="363">
      <formula>LEN(TRIM(E201))=0</formula>
    </cfRule>
  </conditionalFormatting>
  <conditionalFormatting sqref="E203">
    <cfRule type="containsBlanks" dxfId="333" priority="362">
      <formula>LEN(TRIM(E203))=0</formula>
    </cfRule>
  </conditionalFormatting>
  <conditionalFormatting sqref="E204">
    <cfRule type="containsBlanks" dxfId="332" priority="361">
      <formula>LEN(TRIM(E204))=0</formula>
    </cfRule>
  </conditionalFormatting>
  <conditionalFormatting sqref="E205">
    <cfRule type="containsBlanks" dxfId="331" priority="360">
      <formula>LEN(TRIM(E205))=0</formula>
    </cfRule>
  </conditionalFormatting>
  <conditionalFormatting sqref="E206">
    <cfRule type="containsBlanks" dxfId="330" priority="359">
      <formula>LEN(TRIM(E206))=0</formula>
    </cfRule>
  </conditionalFormatting>
  <conditionalFormatting sqref="E207">
    <cfRule type="containsBlanks" dxfId="329" priority="358">
      <formula>LEN(TRIM(E207))=0</formula>
    </cfRule>
  </conditionalFormatting>
  <conditionalFormatting sqref="E208">
    <cfRule type="containsBlanks" dxfId="328" priority="357">
      <formula>LEN(TRIM(E208))=0</formula>
    </cfRule>
  </conditionalFormatting>
  <conditionalFormatting sqref="E209">
    <cfRule type="containsBlanks" dxfId="327" priority="356">
      <formula>LEN(TRIM(E209))=0</formula>
    </cfRule>
  </conditionalFormatting>
  <conditionalFormatting sqref="E210">
    <cfRule type="containsBlanks" dxfId="326" priority="355">
      <formula>LEN(TRIM(E210))=0</formula>
    </cfRule>
  </conditionalFormatting>
  <conditionalFormatting sqref="E212">
    <cfRule type="containsBlanks" dxfId="325" priority="354">
      <formula>LEN(TRIM(E212))=0</formula>
    </cfRule>
  </conditionalFormatting>
  <conditionalFormatting sqref="E213">
    <cfRule type="containsBlanks" dxfId="324" priority="353">
      <formula>LEN(TRIM(E213))=0</formula>
    </cfRule>
  </conditionalFormatting>
  <conditionalFormatting sqref="E214">
    <cfRule type="containsBlanks" dxfId="323" priority="352">
      <formula>LEN(TRIM(E214))=0</formula>
    </cfRule>
  </conditionalFormatting>
  <conditionalFormatting sqref="E215">
    <cfRule type="containsBlanks" dxfId="322" priority="351">
      <formula>LEN(TRIM(E215))=0</formula>
    </cfRule>
  </conditionalFormatting>
  <conditionalFormatting sqref="E216">
    <cfRule type="containsBlanks" dxfId="321" priority="350">
      <formula>LEN(TRIM(E216))=0</formula>
    </cfRule>
  </conditionalFormatting>
  <conditionalFormatting sqref="E217">
    <cfRule type="containsBlanks" dxfId="320" priority="349">
      <formula>LEN(TRIM(E217))=0</formula>
    </cfRule>
  </conditionalFormatting>
  <conditionalFormatting sqref="E218">
    <cfRule type="containsBlanks" dxfId="319" priority="348">
      <formula>LEN(TRIM(E218))=0</formula>
    </cfRule>
  </conditionalFormatting>
  <conditionalFormatting sqref="E219">
    <cfRule type="containsBlanks" dxfId="318" priority="347">
      <formula>LEN(TRIM(E219))=0</formula>
    </cfRule>
  </conditionalFormatting>
  <conditionalFormatting sqref="E221">
    <cfRule type="containsBlanks" dxfId="317" priority="346">
      <formula>LEN(TRIM(E221))=0</formula>
    </cfRule>
  </conditionalFormatting>
  <conditionalFormatting sqref="E222">
    <cfRule type="containsBlanks" dxfId="316" priority="345">
      <formula>LEN(TRIM(E222))=0</formula>
    </cfRule>
  </conditionalFormatting>
  <conditionalFormatting sqref="E223">
    <cfRule type="containsBlanks" dxfId="315" priority="344">
      <formula>LEN(TRIM(E223))=0</formula>
    </cfRule>
  </conditionalFormatting>
  <conditionalFormatting sqref="E224">
    <cfRule type="containsBlanks" dxfId="314" priority="343">
      <formula>LEN(TRIM(E224))=0</formula>
    </cfRule>
  </conditionalFormatting>
  <conditionalFormatting sqref="E225">
    <cfRule type="containsBlanks" dxfId="313" priority="342">
      <formula>LEN(TRIM(E225))=0</formula>
    </cfRule>
  </conditionalFormatting>
  <conditionalFormatting sqref="E226">
    <cfRule type="containsBlanks" dxfId="312" priority="341">
      <formula>LEN(TRIM(E226))=0</formula>
    </cfRule>
  </conditionalFormatting>
  <conditionalFormatting sqref="E227">
    <cfRule type="containsBlanks" dxfId="311" priority="340">
      <formula>LEN(TRIM(E227))=0</formula>
    </cfRule>
  </conditionalFormatting>
  <conditionalFormatting sqref="E229">
    <cfRule type="containsBlanks" dxfId="310" priority="339">
      <formula>LEN(TRIM(E229))=0</formula>
    </cfRule>
  </conditionalFormatting>
  <conditionalFormatting sqref="E230">
    <cfRule type="containsBlanks" dxfId="309" priority="338">
      <formula>LEN(TRIM(E230))=0</formula>
    </cfRule>
  </conditionalFormatting>
  <conditionalFormatting sqref="E231">
    <cfRule type="containsBlanks" dxfId="308" priority="337">
      <formula>LEN(TRIM(E231))=0</formula>
    </cfRule>
  </conditionalFormatting>
  <conditionalFormatting sqref="E232">
    <cfRule type="containsBlanks" dxfId="307" priority="336">
      <formula>LEN(TRIM(E232))=0</formula>
    </cfRule>
  </conditionalFormatting>
  <conditionalFormatting sqref="E233">
    <cfRule type="containsBlanks" dxfId="306" priority="335">
      <formula>LEN(TRIM(E233))=0</formula>
    </cfRule>
  </conditionalFormatting>
  <conditionalFormatting sqref="E234">
    <cfRule type="containsBlanks" dxfId="305" priority="334">
      <formula>LEN(TRIM(E234))=0</formula>
    </cfRule>
  </conditionalFormatting>
  <conditionalFormatting sqref="E235">
    <cfRule type="containsBlanks" dxfId="304" priority="333">
      <formula>LEN(TRIM(E235))=0</formula>
    </cfRule>
  </conditionalFormatting>
  <conditionalFormatting sqref="E236">
    <cfRule type="containsBlanks" dxfId="303" priority="332">
      <formula>LEN(TRIM(E236))=0</formula>
    </cfRule>
  </conditionalFormatting>
  <conditionalFormatting sqref="E237">
    <cfRule type="containsBlanks" dxfId="302" priority="331">
      <formula>LEN(TRIM(E237))=0</formula>
    </cfRule>
  </conditionalFormatting>
  <conditionalFormatting sqref="E239">
    <cfRule type="containsBlanks" dxfId="301" priority="330">
      <formula>LEN(TRIM(E239))=0</formula>
    </cfRule>
  </conditionalFormatting>
  <conditionalFormatting sqref="E240">
    <cfRule type="containsBlanks" dxfId="300" priority="329">
      <formula>LEN(TRIM(E240))=0</formula>
    </cfRule>
  </conditionalFormatting>
  <conditionalFormatting sqref="E241">
    <cfRule type="containsBlanks" dxfId="299" priority="328">
      <formula>LEN(TRIM(E241))=0</formula>
    </cfRule>
  </conditionalFormatting>
  <conditionalFormatting sqref="E242">
    <cfRule type="containsBlanks" dxfId="298" priority="327">
      <formula>LEN(TRIM(E242))=0</formula>
    </cfRule>
  </conditionalFormatting>
  <conditionalFormatting sqref="E243">
    <cfRule type="containsBlanks" dxfId="297" priority="326">
      <formula>LEN(TRIM(E243))=0</formula>
    </cfRule>
  </conditionalFormatting>
  <conditionalFormatting sqref="E244">
    <cfRule type="containsBlanks" dxfId="296" priority="325">
      <formula>LEN(TRIM(E244))=0</formula>
    </cfRule>
  </conditionalFormatting>
  <conditionalFormatting sqref="E245">
    <cfRule type="containsBlanks" dxfId="295" priority="324">
      <formula>LEN(TRIM(E245))=0</formula>
    </cfRule>
  </conditionalFormatting>
  <conditionalFormatting sqref="E246">
    <cfRule type="containsBlanks" dxfId="294" priority="323">
      <formula>LEN(TRIM(E246))=0</formula>
    </cfRule>
  </conditionalFormatting>
  <conditionalFormatting sqref="F150:F155">
    <cfRule type="containsBlanks" dxfId="293" priority="322">
      <formula>LEN(TRIM(F150))=0</formula>
    </cfRule>
  </conditionalFormatting>
  <conditionalFormatting sqref="F162:F165">
    <cfRule type="containsBlanks" dxfId="292" priority="321">
      <formula>LEN(TRIM(F162))=0</formula>
    </cfRule>
  </conditionalFormatting>
  <conditionalFormatting sqref="F167:F170">
    <cfRule type="containsBlanks" dxfId="291" priority="320">
      <formula>LEN(TRIM(F167))=0</formula>
    </cfRule>
  </conditionalFormatting>
  <conditionalFormatting sqref="F172:F175">
    <cfRule type="containsBlanks" dxfId="290" priority="319">
      <formula>LEN(TRIM(F172))=0</formula>
    </cfRule>
  </conditionalFormatting>
  <conditionalFormatting sqref="F177:F180">
    <cfRule type="containsBlanks" dxfId="289" priority="318">
      <formula>LEN(TRIM(F177))=0</formula>
    </cfRule>
  </conditionalFormatting>
  <conditionalFormatting sqref="F212:F219">
    <cfRule type="containsBlanks" dxfId="288" priority="317">
      <formula>LEN(TRIM(F212))=0</formula>
    </cfRule>
  </conditionalFormatting>
  <conditionalFormatting sqref="E248">
    <cfRule type="containsBlanks" dxfId="287" priority="316">
      <formula>LEN(TRIM(E248))=0</formula>
    </cfRule>
  </conditionalFormatting>
  <conditionalFormatting sqref="E249">
    <cfRule type="containsBlanks" dxfId="286" priority="315">
      <formula>LEN(TRIM(E249))=0</formula>
    </cfRule>
  </conditionalFormatting>
  <conditionalFormatting sqref="E250">
    <cfRule type="containsBlanks" dxfId="285" priority="314">
      <formula>LEN(TRIM(E250))=0</formula>
    </cfRule>
  </conditionalFormatting>
  <conditionalFormatting sqref="E251">
    <cfRule type="containsBlanks" dxfId="284" priority="313">
      <formula>LEN(TRIM(E251))=0</formula>
    </cfRule>
  </conditionalFormatting>
  <conditionalFormatting sqref="F253:F256">
    <cfRule type="containsBlanks" dxfId="283" priority="312">
      <formula>LEN(TRIM(F253))=0</formula>
    </cfRule>
  </conditionalFormatting>
  <conditionalFormatting sqref="E253">
    <cfRule type="containsBlanks" dxfId="282" priority="311">
      <formula>LEN(TRIM(E253))=0</formula>
    </cfRule>
  </conditionalFormatting>
  <conditionalFormatting sqref="E254">
    <cfRule type="containsBlanks" dxfId="281" priority="310">
      <formula>LEN(TRIM(E254))=0</formula>
    </cfRule>
  </conditionalFormatting>
  <conditionalFormatting sqref="E255">
    <cfRule type="containsBlanks" dxfId="280" priority="309">
      <formula>LEN(TRIM(E255))=0</formula>
    </cfRule>
  </conditionalFormatting>
  <conditionalFormatting sqref="E256">
    <cfRule type="containsBlanks" dxfId="279" priority="308">
      <formula>LEN(TRIM(E256))=0</formula>
    </cfRule>
  </conditionalFormatting>
  <conditionalFormatting sqref="E258">
    <cfRule type="containsBlanks" dxfId="278" priority="307">
      <formula>LEN(TRIM(E258))=0</formula>
    </cfRule>
  </conditionalFormatting>
  <conditionalFormatting sqref="E259">
    <cfRule type="containsBlanks" dxfId="277" priority="306">
      <formula>LEN(TRIM(E259))=0</formula>
    </cfRule>
  </conditionalFormatting>
  <conditionalFormatting sqref="E260">
    <cfRule type="containsBlanks" dxfId="276" priority="305">
      <formula>LEN(TRIM(E260))=0</formula>
    </cfRule>
  </conditionalFormatting>
  <conditionalFormatting sqref="E261">
    <cfRule type="containsBlanks" dxfId="275" priority="304">
      <formula>LEN(TRIM(E261))=0</formula>
    </cfRule>
  </conditionalFormatting>
  <conditionalFormatting sqref="E262">
    <cfRule type="containsBlanks" dxfId="274" priority="303">
      <formula>LEN(TRIM(E262))=0</formula>
    </cfRule>
  </conditionalFormatting>
  <conditionalFormatting sqref="E263">
    <cfRule type="containsBlanks" dxfId="273" priority="302">
      <formula>LEN(TRIM(E263))=0</formula>
    </cfRule>
  </conditionalFormatting>
  <conditionalFormatting sqref="E264">
    <cfRule type="containsBlanks" dxfId="272" priority="301">
      <formula>LEN(TRIM(E264))=0</formula>
    </cfRule>
  </conditionalFormatting>
  <conditionalFormatting sqref="E266">
    <cfRule type="containsBlanks" dxfId="271" priority="300">
      <formula>LEN(TRIM(E266))=0</formula>
    </cfRule>
  </conditionalFormatting>
  <conditionalFormatting sqref="E267">
    <cfRule type="containsBlanks" dxfId="270" priority="299">
      <formula>LEN(TRIM(E267))=0</formula>
    </cfRule>
  </conditionalFormatting>
  <conditionalFormatting sqref="E268">
    <cfRule type="containsBlanks" dxfId="269" priority="298">
      <formula>LEN(TRIM(E268))=0</formula>
    </cfRule>
  </conditionalFormatting>
  <conditionalFormatting sqref="E269">
    <cfRule type="containsBlanks" dxfId="268" priority="297">
      <formula>LEN(TRIM(E269))=0</formula>
    </cfRule>
  </conditionalFormatting>
  <conditionalFormatting sqref="E270">
    <cfRule type="containsBlanks" dxfId="267" priority="296">
      <formula>LEN(TRIM(E270))=0</formula>
    </cfRule>
  </conditionalFormatting>
  <conditionalFormatting sqref="F277:F281">
    <cfRule type="containsBlanks" dxfId="266" priority="295">
      <formula>LEN(TRIM(F277))=0</formula>
    </cfRule>
  </conditionalFormatting>
  <conditionalFormatting sqref="E277">
    <cfRule type="containsBlanks" dxfId="265" priority="294">
      <formula>LEN(TRIM(E277))=0</formula>
    </cfRule>
  </conditionalFormatting>
  <conditionalFormatting sqref="E278">
    <cfRule type="containsBlanks" dxfId="264" priority="293">
      <formula>LEN(TRIM(E278))=0</formula>
    </cfRule>
  </conditionalFormatting>
  <conditionalFormatting sqref="E279">
    <cfRule type="containsBlanks" dxfId="263" priority="292">
      <formula>LEN(TRIM(E279))=0</formula>
    </cfRule>
  </conditionalFormatting>
  <conditionalFormatting sqref="E280">
    <cfRule type="containsBlanks" dxfId="262" priority="291">
      <formula>LEN(TRIM(E280))=0</formula>
    </cfRule>
  </conditionalFormatting>
  <conditionalFormatting sqref="E281">
    <cfRule type="containsBlanks" dxfId="261" priority="290">
      <formula>LEN(TRIM(E281))=0</formula>
    </cfRule>
  </conditionalFormatting>
  <conditionalFormatting sqref="E272">
    <cfRule type="containsBlanks" dxfId="260" priority="289">
      <formula>LEN(TRIM(E272))=0</formula>
    </cfRule>
  </conditionalFormatting>
  <conditionalFormatting sqref="E273">
    <cfRule type="containsBlanks" dxfId="259" priority="288">
      <formula>LEN(TRIM(E273))=0</formula>
    </cfRule>
  </conditionalFormatting>
  <conditionalFormatting sqref="E274">
    <cfRule type="containsBlanks" dxfId="258" priority="287">
      <formula>LEN(TRIM(E274))=0</formula>
    </cfRule>
  </conditionalFormatting>
  <conditionalFormatting sqref="E275">
    <cfRule type="containsBlanks" dxfId="257" priority="286">
      <formula>LEN(TRIM(E275))=0</formula>
    </cfRule>
  </conditionalFormatting>
  <conditionalFormatting sqref="E283">
    <cfRule type="containsBlanks" dxfId="256" priority="285">
      <formula>LEN(TRIM(E283))=0</formula>
    </cfRule>
  </conditionalFormatting>
  <conditionalFormatting sqref="E284">
    <cfRule type="containsBlanks" dxfId="255" priority="284">
      <formula>LEN(TRIM(E284))=0</formula>
    </cfRule>
  </conditionalFormatting>
  <conditionalFormatting sqref="E285">
    <cfRule type="containsBlanks" dxfId="254" priority="283">
      <formula>LEN(TRIM(E285))=0</formula>
    </cfRule>
  </conditionalFormatting>
  <conditionalFormatting sqref="E286">
    <cfRule type="containsBlanks" dxfId="253" priority="282">
      <formula>LEN(TRIM(E286))=0</formula>
    </cfRule>
  </conditionalFormatting>
  <conditionalFormatting sqref="E287">
    <cfRule type="containsBlanks" dxfId="252" priority="281">
      <formula>LEN(TRIM(E287))=0</formula>
    </cfRule>
  </conditionalFormatting>
  <conditionalFormatting sqref="E288">
    <cfRule type="containsBlanks" dxfId="251" priority="280">
      <formula>LEN(TRIM(E288))=0</formula>
    </cfRule>
  </conditionalFormatting>
  <conditionalFormatting sqref="E289">
    <cfRule type="containsBlanks" dxfId="250" priority="279">
      <formula>LEN(TRIM(E289))=0</formula>
    </cfRule>
  </conditionalFormatting>
  <conditionalFormatting sqref="E294">
    <cfRule type="containsBlanks" dxfId="249" priority="278">
      <formula>LEN(TRIM(E294))=0</formula>
    </cfRule>
  </conditionalFormatting>
  <conditionalFormatting sqref="E293">
    <cfRule type="containsBlanks" dxfId="248" priority="277">
      <formula>LEN(TRIM(E293))=0</formula>
    </cfRule>
  </conditionalFormatting>
  <conditionalFormatting sqref="E292">
    <cfRule type="containsBlanks" dxfId="247" priority="276">
      <formula>LEN(TRIM(E292))=0</formula>
    </cfRule>
  </conditionalFormatting>
  <conditionalFormatting sqref="E291">
    <cfRule type="containsBlanks" dxfId="246" priority="275">
      <formula>LEN(TRIM(E291))=0</formula>
    </cfRule>
  </conditionalFormatting>
  <conditionalFormatting sqref="E299:E300">
    <cfRule type="containsBlanks" dxfId="245" priority="274">
      <formula>LEN(TRIM(E299))=0</formula>
    </cfRule>
  </conditionalFormatting>
  <conditionalFormatting sqref="E298">
    <cfRule type="containsBlanks" dxfId="244" priority="273">
      <formula>LEN(TRIM(E298))=0</formula>
    </cfRule>
  </conditionalFormatting>
  <conditionalFormatting sqref="E306:E307">
    <cfRule type="containsBlanks" dxfId="243" priority="272">
      <formula>LEN(TRIM(E306))=0</formula>
    </cfRule>
  </conditionalFormatting>
  <conditionalFormatting sqref="E305">
    <cfRule type="containsBlanks" dxfId="242" priority="271">
      <formula>LEN(TRIM(E305))=0</formula>
    </cfRule>
  </conditionalFormatting>
  <conditionalFormatting sqref="E304">
    <cfRule type="containsBlanks" dxfId="241" priority="270">
      <formula>LEN(TRIM(E304))=0</formula>
    </cfRule>
  </conditionalFormatting>
  <conditionalFormatting sqref="E303">
    <cfRule type="containsBlanks" dxfId="240" priority="269">
      <formula>LEN(TRIM(E303))=0</formula>
    </cfRule>
  </conditionalFormatting>
  <conditionalFormatting sqref="E302">
    <cfRule type="containsBlanks" dxfId="239" priority="268">
      <formula>LEN(TRIM(E302))=0</formula>
    </cfRule>
  </conditionalFormatting>
  <conditionalFormatting sqref="E311:E312">
    <cfRule type="containsBlanks" dxfId="238" priority="267">
      <formula>LEN(TRIM(E311))=0</formula>
    </cfRule>
  </conditionalFormatting>
  <conditionalFormatting sqref="E310">
    <cfRule type="containsBlanks" dxfId="237" priority="266">
      <formula>LEN(TRIM(E310))=0</formula>
    </cfRule>
  </conditionalFormatting>
  <conditionalFormatting sqref="E309">
    <cfRule type="containsBlanks" dxfId="236" priority="265">
      <formula>LEN(TRIM(E309))=0</formula>
    </cfRule>
  </conditionalFormatting>
  <conditionalFormatting sqref="E316:E317">
    <cfRule type="containsBlanks" dxfId="235" priority="264">
      <formula>LEN(TRIM(E316))=0</formula>
    </cfRule>
  </conditionalFormatting>
  <conditionalFormatting sqref="E315">
    <cfRule type="containsBlanks" dxfId="234" priority="263">
      <formula>LEN(TRIM(E315))=0</formula>
    </cfRule>
  </conditionalFormatting>
  <conditionalFormatting sqref="E314">
    <cfRule type="containsBlanks" dxfId="233" priority="262">
      <formula>LEN(TRIM(E314))=0</formula>
    </cfRule>
  </conditionalFormatting>
  <conditionalFormatting sqref="E318:E319">
    <cfRule type="containsBlanks" dxfId="232" priority="261">
      <formula>LEN(TRIM(E318))=0</formula>
    </cfRule>
  </conditionalFormatting>
  <conditionalFormatting sqref="F322:F324">
    <cfRule type="containsBlanks" dxfId="231" priority="260">
      <formula>LEN(TRIM(F322))=0</formula>
    </cfRule>
  </conditionalFormatting>
  <conditionalFormatting sqref="E323:E324">
    <cfRule type="containsBlanks" dxfId="230" priority="259">
      <formula>LEN(TRIM(E323))=0</formula>
    </cfRule>
  </conditionalFormatting>
  <conditionalFormatting sqref="E322">
    <cfRule type="containsBlanks" dxfId="229" priority="258">
      <formula>LEN(TRIM(E322))=0</formula>
    </cfRule>
  </conditionalFormatting>
  <conditionalFormatting sqref="F326:F334">
    <cfRule type="containsBlanks" dxfId="228" priority="257">
      <formula>LEN(TRIM(F326))=0</formula>
    </cfRule>
  </conditionalFormatting>
  <conditionalFormatting sqref="E327:E328">
    <cfRule type="containsBlanks" dxfId="227" priority="256">
      <formula>LEN(TRIM(E327))=0</formula>
    </cfRule>
  </conditionalFormatting>
  <conditionalFormatting sqref="E326">
    <cfRule type="containsBlanks" dxfId="226" priority="255">
      <formula>LEN(TRIM(E326))=0</formula>
    </cfRule>
  </conditionalFormatting>
  <conditionalFormatting sqref="E330:E331">
    <cfRule type="containsBlanks" dxfId="225" priority="254">
      <formula>LEN(TRIM(E330))=0</formula>
    </cfRule>
  </conditionalFormatting>
  <conditionalFormatting sqref="E329">
    <cfRule type="containsBlanks" dxfId="224" priority="253">
      <formula>LEN(TRIM(E329))=0</formula>
    </cfRule>
  </conditionalFormatting>
  <conditionalFormatting sqref="E333:E334">
    <cfRule type="containsBlanks" dxfId="223" priority="252">
      <formula>LEN(TRIM(E333))=0</formula>
    </cfRule>
  </conditionalFormatting>
  <conditionalFormatting sqref="E332">
    <cfRule type="containsBlanks" dxfId="222" priority="251">
      <formula>LEN(TRIM(E332))=0</formula>
    </cfRule>
  </conditionalFormatting>
  <conditionalFormatting sqref="F336:F338">
    <cfRule type="containsBlanks" dxfId="221" priority="250">
      <formula>LEN(TRIM(F336))=0</formula>
    </cfRule>
  </conditionalFormatting>
  <conditionalFormatting sqref="E337:E338">
    <cfRule type="containsBlanks" dxfId="220" priority="249">
      <formula>LEN(TRIM(E337))=0</formula>
    </cfRule>
  </conditionalFormatting>
  <conditionalFormatting sqref="E336">
    <cfRule type="containsBlanks" dxfId="219" priority="248">
      <formula>LEN(TRIM(E336))=0</formula>
    </cfRule>
  </conditionalFormatting>
  <conditionalFormatting sqref="E341:E342">
    <cfRule type="containsBlanks" dxfId="218" priority="247">
      <formula>LEN(TRIM(E341))=0</formula>
    </cfRule>
  </conditionalFormatting>
  <conditionalFormatting sqref="E340">
    <cfRule type="containsBlanks" dxfId="217" priority="246">
      <formula>LEN(TRIM(E340))=0</formula>
    </cfRule>
  </conditionalFormatting>
  <conditionalFormatting sqref="E344:E345">
    <cfRule type="containsBlanks" dxfId="216" priority="245">
      <formula>LEN(TRIM(E344))=0</formula>
    </cfRule>
  </conditionalFormatting>
  <conditionalFormatting sqref="E343">
    <cfRule type="containsBlanks" dxfId="215" priority="244">
      <formula>LEN(TRIM(E343))=0</formula>
    </cfRule>
  </conditionalFormatting>
  <conditionalFormatting sqref="E346">
    <cfRule type="containsBlanks" dxfId="214" priority="243">
      <formula>LEN(TRIM(E346))=0</formula>
    </cfRule>
  </conditionalFormatting>
  <conditionalFormatting sqref="E349:E350">
    <cfRule type="containsBlanks" dxfId="213" priority="242">
      <formula>LEN(TRIM(E349))=0</formula>
    </cfRule>
  </conditionalFormatting>
  <conditionalFormatting sqref="E348">
    <cfRule type="containsBlanks" dxfId="212" priority="241">
      <formula>LEN(TRIM(E348))=0</formula>
    </cfRule>
  </conditionalFormatting>
  <conditionalFormatting sqref="E351">
    <cfRule type="containsBlanks" dxfId="211" priority="240">
      <formula>LEN(TRIM(E351))=0</formula>
    </cfRule>
  </conditionalFormatting>
  <conditionalFormatting sqref="E354:E355">
    <cfRule type="containsBlanks" dxfId="210" priority="239">
      <formula>LEN(TRIM(E354))=0</formula>
    </cfRule>
  </conditionalFormatting>
  <conditionalFormatting sqref="E353">
    <cfRule type="containsBlanks" dxfId="209" priority="238">
      <formula>LEN(TRIM(E353))=0</formula>
    </cfRule>
  </conditionalFormatting>
  <conditionalFormatting sqref="E356">
    <cfRule type="containsBlanks" dxfId="208" priority="237">
      <formula>LEN(TRIM(E356))=0</formula>
    </cfRule>
  </conditionalFormatting>
  <conditionalFormatting sqref="E357">
    <cfRule type="containsBlanks" dxfId="207" priority="236">
      <formula>LEN(TRIM(E357))=0</formula>
    </cfRule>
  </conditionalFormatting>
  <conditionalFormatting sqref="E358">
    <cfRule type="containsBlanks" dxfId="206" priority="235">
      <formula>LEN(TRIM(E358))=0</formula>
    </cfRule>
  </conditionalFormatting>
  <conditionalFormatting sqref="F360:F367">
    <cfRule type="containsBlanks" dxfId="205" priority="234">
      <formula>LEN(TRIM(F360))=0</formula>
    </cfRule>
  </conditionalFormatting>
  <conditionalFormatting sqref="F369:F377">
    <cfRule type="containsBlanks" dxfId="204" priority="233">
      <formula>LEN(TRIM(F369))=0</formula>
    </cfRule>
  </conditionalFormatting>
  <conditionalFormatting sqref="F379:F386">
    <cfRule type="containsBlanks" dxfId="203" priority="232">
      <formula>LEN(TRIM(F379))=0</formula>
    </cfRule>
  </conditionalFormatting>
  <conditionalFormatting sqref="F388:F397">
    <cfRule type="containsBlanks" dxfId="202" priority="231">
      <formula>LEN(TRIM(F388))=0</formula>
    </cfRule>
  </conditionalFormatting>
  <conditionalFormatting sqref="F399:F405">
    <cfRule type="containsBlanks" dxfId="201" priority="230">
      <formula>LEN(TRIM(F399))=0</formula>
    </cfRule>
  </conditionalFormatting>
  <conditionalFormatting sqref="F407:F411">
    <cfRule type="containsBlanks" dxfId="200" priority="229">
      <formula>LEN(TRIM(F407))=0</formula>
    </cfRule>
  </conditionalFormatting>
  <conditionalFormatting sqref="F413:F418">
    <cfRule type="containsBlanks" dxfId="199" priority="228">
      <formula>LEN(TRIM(F413))=0</formula>
    </cfRule>
  </conditionalFormatting>
  <conditionalFormatting sqref="F420:F424">
    <cfRule type="containsBlanks" dxfId="198" priority="227">
      <formula>LEN(TRIM(F420))=0</formula>
    </cfRule>
  </conditionalFormatting>
  <conditionalFormatting sqref="F426:F428">
    <cfRule type="containsBlanks" dxfId="197" priority="226">
      <formula>LEN(TRIM(F426))=0</formula>
    </cfRule>
  </conditionalFormatting>
  <conditionalFormatting sqref="F430:F436">
    <cfRule type="containsBlanks" dxfId="196" priority="225">
      <formula>LEN(TRIM(F430))=0</formula>
    </cfRule>
  </conditionalFormatting>
  <conditionalFormatting sqref="F438:F443">
    <cfRule type="containsBlanks" dxfId="195" priority="224">
      <formula>LEN(TRIM(F438))=0</formula>
    </cfRule>
  </conditionalFormatting>
  <conditionalFormatting sqref="F445:F447">
    <cfRule type="containsBlanks" dxfId="194" priority="223">
      <formula>LEN(TRIM(F445))=0</formula>
    </cfRule>
  </conditionalFormatting>
  <conditionalFormatting sqref="F449:F452">
    <cfRule type="containsBlanks" dxfId="193" priority="222">
      <formula>LEN(TRIM(F449))=0</formula>
    </cfRule>
  </conditionalFormatting>
  <conditionalFormatting sqref="F454:F458">
    <cfRule type="containsBlanks" dxfId="192" priority="221">
      <formula>LEN(TRIM(F454))=0</formula>
    </cfRule>
  </conditionalFormatting>
  <conditionalFormatting sqref="F460:F465">
    <cfRule type="containsBlanks" dxfId="191" priority="220">
      <formula>LEN(TRIM(F460))=0</formula>
    </cfRule>
  </conditionalFormatting>
  <conditionalFormatting sqref="F467:F470">
    <cfRule type="containsBlanks" dxfId="190" priority="219">
      <formula>LEN(TRIM(F467))=0</formula>
    </cfRule>
  </conditionalFormatting>
  <conditionalFormatting sqref="F472:F475">
    <cfRule type="containsBlanks" dxfId="189" priority="218">
      <formula>LEN(TRIM(F472))=0</formula>
    </cfRule>
  </conditionalFormatting>
  <conditionalFormatting sqref="F477:F480">
    <cfRule type="containsBlanks" dxfId="188" priority="217">
      <formula>LEN(TRIM(F477))=0</formula>
    </cfRule>
  </conditionalFormatting>
  <conditionalFormatting sqref="F482:F485">
    <cfRule type="containsBlanks" dxfId="187" priority="216">
      <formula>LEN(TRIM(F482))=0</formula>
    </cfRule>
  </conditionalFormatting>
  <conditionalFormatting sqref="F487:F492">
    <cfRule type="containsBlanks" dxfId="186" priority="215">
      <formula>LEN(TRIM(F487))=0</formula>
    </cfRule>
  </conditionalFormatting>
  <conditionalFormatting sqref="F494:F500">
    <cfRule type="containsBlanks" dxfId="185" priority="214">
      <formula>LEN(TRIM(F494))=0</formula>
    </cfRule>
  </conditionalFormatting>
  <conditionalFormatting sqref="F502:F507">
    <cfRule type="containsBlanks" dxfId="184" priority="213">
      <formula>LEN(TRIM(F502))=0</formula>
    </cfRule>
  </conditionalFormatting>
  <conditionalFormatting sqref="F509:F514">
    <cfRule type="containsBlanks" dxfId="183" priority="212">
      <formula>LEN(TRIM(F509))=0</formula>
    </cfRule>
  </conditionalFormatting>
  <conditionalFormatting sqref="F516:F519">
    <cfRule type="containsBlanks" dxfId="182" priority="211">
      <formula>LEN(TRIM(F516))=0</formula>
    </cfRule>
  </conditionalFormatting>
  <conditionalFormatting sqref="F521:F528">
    <cfRule type="containsBlanks" dxfId="181" priority="210">
      <formula>LEN(TRIM(F521))=0</formula>
    </cfRule>
  </conditionalFormatting>
  <conditionalFormatting sqref="F530:F537">
    <cfRule type="containsBlanks" dxfId="180" priority="209">
      <formula>LEN(TRIM(F530))=0</formula>
    </cfRule>
  </conditionalFormatting>
  <conditionalFormatting sqref="F539:F546">
    <cfRule type="containsBlanks" dxfId="179" priority="208">
      <formula>LEN(TRIM(F539))=0</formula>
    </cfRule>
  </conditionalFormatting>
  <conditionalFormatting sqref="F548:F555">
    <cfRule type="containsBlanks" dxfId="178" priority="207">
      <formula>LEN(TRIM(F548))=0</formula>
    </cfRule>
  </conditionalFormatting>
  <conditionalFormatting sqref="F557:F564">
    <cfRule type="containsBlanks" dxfId="177" priority="206">
      <formula>LEN(TRIM(F557))=0</formula>
    </cfRule>
  </conditionalFormatting>
  <conditionalFormatting sqref="F566:F573">
    <cfRule type="containsBlanks" dxfId="176" priority="205">
      <formula>LEN(TRIM(F566))=0</formula>
    </cfRule>
  </conditionalFormatting>
  <conditionalFormatting sqref="F582:F588">
    <cfRule type="containsBlanks" dxfId="175" priority="204">
      <formula>LEN(TRIM(F582))=0</formula>
    </cfRule>
  </conditionalFormatting>
  <conditionalFormatting sqref="F575:F580">
    <cfRule type="containsBlanks" dxfId="174" priority="203">
      <formula>LEN(TRIM(F575))=0</formula>
    </cfRule>
  </conditionalFormatting>
  <conditionalFormatting sqref="F590:F592">
    <cfRule type="containsBlanks" dxfId="173" priority="202">
      <formula>LEN(TRIM(F590))=0</formula>
    </cfRule>
  </conditionalFormatting>
  <conditionalFormatting sqref="F594:F602">
    <cfRule type="containsBlanks" dxfId="172" priority="201">
      <formula>LEN(TRIM(F594))=0</formula>
    </cfRule>
  </conditionalFormatting>
  <conditionalFormatting sqref="F604:F610">
    <cfRule type="containsBlanks" dxfId="171" priority="200">
      <formula>LEN(TRIM(F604))=0</formula>
    </cfRule>
  </conditionalFormatting>
  <conditionalFormatting sqref="F612:F616">
    <cfRule type="containsBlanks" dxfId="170" priority="199">
      <formula>LEN(TRIM(F612))=0</formula>
    </cfRule>
  </conditionalFormatting>
  <conditionalFormatting sqref="F618:F622">
    <cfRule type="containsBlanks" dxfId="169" priority="196">
      <formula>LEN(TRIM(F618))=0</formula>
    </cfRule>
  </conditionalFormatting>
  <conditionalFormatting sqref="F624:F628">
    <cfRule type="containsBlanks" dxfId="168" priority="195">
      <formula>LEN(TRIM(F624))=0</formula>
    </cfRule>
  </conditionalFormatting>
  <conditionalFormatting sqref="F630:F641">
    <cfRule type="containsBlanks" dxfId="167" priority="194">
      <formula>LEN(TRIM(F630))=0</formula>
    </cfRule>
  </conditionalFormatting>
  <conditionalFormatting sqref="F637:F641">
    <cfRule type="containsBlanks" dxfId="166" priority="193">
      <formula>LEN(TRIM(F637))=0</formula>
    </cfRule>
  </conditionalFormatting>
  <conditionalFormatting sqref="F643:F647">
    <cfRule type="containsBlanks" dxfId="165" priority="192">
      <formula>LEN(TRIM(F643))=0</formula>
    </cfRule>
  </conditionalFormatting>
  <conditionalFormatting sqref="F643:F647">
    <cfRule type="containsBlanks" dxfId="164" priority="191">
      <formula>LEN(TRIM(F643))=0</formula>
    </cfRule>
  </conditionalFormatting>
  <conditionalFormatting sqref="F649:F653">
    <cfRule type="containsBlanks" dxfId="163" priority="190">
      <formula>LEN(TRIM(F649))=0</formula>
    </cfRule>
  </conditionalFormatting>
  <conditionalFormatting sqref="F649:F653">
    <cfRule type="containsBlanks" dxfId="162" priority="189">
      <formula>LEN(TRIM(F649))=0</formula>
    </cfRule>
  </conditionalFormatting>
  <conditionalFormatting sqref="F655:F659">
    <cfRule type="containsBlanks" dxfId="161" priority="188">
      <formula>LEN(TRIM(F655))=0</formula>
    </cfRule>
  </conditionalFormatting>
  <conditionalFormatting sqref="F655:F659">
    <cfRule type="containsBlanks" dxfId="160" priority="187">
      <formula>LEN(TRIM(F655))=0</formula>
    </cfRule>
  </conditionalFormatting>
  <conditionalFormatting sqref="F661:F664">
    <cfRule type="containsBlanks" dxfId="159" priority="186">
      <formula>LEN(TRIM(F661))=0</formula>
    </cfRule>
  </conditionalFormatting>
  <conditionalFormatting sqref="F666:F669">
    <cfRule type="containsBlanks" dxfId="158" priority="185">
      <formula>LEN(TRIM(F666))=0</formula>
    </cfRule>
  </conditionalFormatting>
  <conditionalFormatting sqref="F671:F674">
    <cfRule type="containsBlanks" dxfId="157" priority="184">
      <formula>LEN(TRIM(F671))=0</formula>
    </cfRule>
  </conditionalFormatting>
  <conditionalFormatting sqref="F676:F680">
    <cfRule type="containsBlanks" dxfId="156" priority="183">
      <formula>LEN(TRIM(F676))=0</formula>
    </cfRule>
  </conditionalFormatting>
  <conditionalFormatting sqref="F682:F690">
    <cfRule type="containsBlanks" dxfId="155" priority="182">
      <formula>LEN(TRIM(F682))=0</formula>
    </cfRule>
  </conditionalFormatting>
  <conditionalFormatting sqref="F692:F696">
    <cfRule type="containsBlanks" dxfId="154" priority="181">
      <formula>LEN(TRIM(F692))=0</formula>
    </cfRule>
  </conditionalFormatting>
  <conditionalFormatting sqref="F698:F704">
    <cfRule type="containsBlanks" dxfId="153" priority="180">
      <formula>LEN(TRIM(F698))=0</formula>
    </cfRule>
  </conditionalFormatting>
  <conditionalFormatting sqref="F706:F710">
    <cfRule type="containsBlanks" dxfId="152" priority="179">
      <formula>LEN(TRIM(F706))=0</formula>
    </cfRule>
  </conditionalFormatting>
  <conditionalFormatting sqref="F717:F722">
    <cfRule type="containsBlanks" dxfId="151" priority="178">
      <formula>LEN(TRIM(F717))=0</formula>
    </cfRule>
  </conditionalFormatting>
  <conditionalFormatting sqref="F724:F729">
    <cfRule type="containsBlanks" dxfId="150" priority="177">
      <formula>LEN(TRIM(F724))=0</formula>
    </cfRule>
  </conditionalFormatting>
  <conditionalFormatting sqref="F712:F715">
    <cfRule type="containsBlanks" dxfId="149" priority="176">
      <formula>LEN(TRIM(F712))=0</formula>
    </cfRule>
  </conditionalFormatting>
  <conditionalFormatting sqref="F731:F736">
    <cfRule type="containsBlanks" dxfId="148" priority="175">
      <formula>LEN(TRIM(F731))=0</formula>
    </cfRule>
  </conditionalFormatting>
  <conditionalFormatting sqref="F738:F744">
    <cfRule type="containsBlanks" dxfId="147" priority="174">
      <formula>LEN(TRIM(F738))=0</formula>
    </cfRule>
  </conditionalFormatting>
  <conditionalFormatting sqref="F746:F753">
    <cfRule type="containsBlanks" dxfId="146" priority="173">
      <formula>LEN(TRIM(F746))=0</formula>
    </cfRule>
  </conditionalFormatting>
  <conditionalFormatting sqref="F755:F760">
    <cfRule type="containsBlanks" dxfId="145" priority="172">
      <formula>LEN(TRIM(F755))=0</formula>
    </cfRule>
  </conditionalFormatting>
  <conditionalFormatting sqref="F762:F767">
    <cfRule type="containsBlanks" dxfId="144" priority="171">
      <formula>LEN(TRIM(F762))=0</formula>
    </cfRule>
  </conditionalFormatting>
  <conditionalFormatting sqref="F769:F773">
    <cfRule type="containsBlanks" dxfId="143" priority="170">
      <formula>LEN(TRIM(F769))=0</formula>
    </cfRule>
  </conditionalFormatting>
  <conditionalFormatting sqref="F775:F781">
    <cfRule type="containsBlanks" dxfId="142" priority="169">
      <formula>LEN(TRIM(F775))=0</formula>
    </cfRule>
  </conditionalFormatting>
  <conditionalFormatting sqref="F783:F786">
    <cfRule type="containsBlanks" dxfId="141" priority="168">
      <formula>LEN(TRIM(F783))=0</formula>
    </cfRule>
  </conditionalFormatting>
  <conditionalFormatting sqref="F788:F795">
    <cfRule type="containsBlanks" dxfId="140" priority="167">
      <formula>LEN(TRIM(F788))=0</formula>
    </cfRule>
  </conditionalFormatting>
  <conditionalFormatting sqref="E797:E807">
    <cfRule type="containsBlanks" dxfId="139" priority="166">
      <formula>LEN(TRIM(E797))=0</formula>
    </cfRule>
  </conditionalFormatting>
  <conditionalFormatting sqref="E809:E819">
    <cfRule type="containsBlanks" dxfId="138" priority="164">
      <formula>LEN(TRIM(E809))=0</formula>
    </cfRule>
  </conditionalFormatting>
  <conditionalFormatting sqref="E821:E831">
    <cfRule type="containsBlanks" dxfId="137" priority="162">
      <formula>LEN(TRIM(E821))=0</formula>
    </cfRule>
  </conditionalFormatting>
  <conditionalFormatting sqref="E833:E837">
    <cfRule type="containsBlanks" dxfId="136" priority="160">
      <formula>LEN(TRIM(E833))=0</formula>
    </cfRule>
  </conditionalFormatting>
  <conditionalFormatting sqref="E839:E844">
    <cfRule type="containsBlanks" dxfId="135" priority="158">
      <formula>LEN(TRIM(E839))=0</formula>
    </cfRule>
  </conditionalFormatting>
  <conditionalFormatting sqref="F797:F807">
    <cfRule type="containsBlanks" dxfId="134" priority="156">
      <formula>LEN(TRIM(F797))=0</formula>
    </cfRule>
  </conditionalFormatting>
  <conditionalFormatting sqref="F809:F819">
    <cfRule type="containsBlanks" dxfId="133" priority="155">
      <formula>LEN(TRIM(F809))=0</formula>
    </cfRule>
  </conditionalFormatting>
  <conditionalFormatting sqref="F821:F831">
    <cfRule type="containsBlanks" dxfId="132" priority="154">
      <formula>LEN(TRIM(F821))=0</formula>
    </cfRule>
  </conditionalFormatting>
  <conditionalFormatting sqref="F833:F837">
    <cfRule type="containsBlanks" dxfId="131" priority="153">
      <formula>LEN(TRIM(F833))=0</formula>
    </cfRule>
  </conditionalFormatting>
  <conditionalFormatting sqref="F839:F844">
    <cfRule type="containsBlanks" dxfId="130" priority="152">
      <formula>LEN(TRIM(F839))=0</formula>
    </cfRule>
  </conditionalFormatting>
  <conditionalFormatting sqref="E912:E916">
    <cfRule type="containsBlanks" dxfId="129" priority="133">
      <formula>LEN(TRIM(E912))=0</formula>
    </cfRule>
  </conditionalFormatting>
  <conditionalFormatting sqref="F912:F916">
    <cfRule type="containsBlanks" dxfId="128" priority="132">
      <formula>LEN(TRIM(F912))=0</formula>
    </cfRule>
  </conditionalFormatting>
  <conditionalFormatting sqref="E918:E923">
    <cfRule type="containsBlanks" dxfId="127" priority="131">
      <formula>LEN(TRIM(E918))=0</formula>
    </cfRule>
  </conditionalFormatting>
  <conditionalFormatting sqref="F918:F923">
    <cfRule type="containsBlanks" dxfId="126" priority="130">
      <formula>LEN(TRIM(F918))=0</formula>
    </cfRule>
  </conditionalFormatting>
  <conditionalFormatting sqref="E925:E931">
    <cfRule type="containsBlanks" dxfId="125" priority="129">
      <formula>LEN(TRIM(E925))=0</formula>
    </cfRule>
  </conditionalFormatting>
  <conditionalFormatting sqref="F925:F931">
    <cfRule type="containsBlanks" dxfId="124" priority="128">
      <formula>LEN(TRIM(F925))=0</formula>
    </cfRule>
  </conditionalFormatting>
  <conditionalFormatting sqref="E933:E941">
    <cfRule type="containsBlanks" dxfId="123" priority="127">
      <formula>LEN(TRIM(E933))=0</formula>
    </cfRule>
  </conditionalFormatting>
  <conditionalFormatting sqref="F933:F941">
    <cfRule type="containsBlanks" dxfId="122" priority="126">
      <formula>LEN(TRIM(F933))=0</formula>
    </cfRule>
  </conditionalFormatting>
  <conditionalFormatting sqref="E943:E950">
    <cfRule type="containsBlanks" dxfId="121" priority="125">
      <formula>LEN(TRIM(E943))=0</formula>
    </cfRule>
  </conditionalFormatting>
  <conditionalFormatting sqref="F943:F950">
    <cfRule type="containsBlanks" dxfId="120" priority="124">
      <formula>LEN(TRIM(F943))=0</formula>
    </cfRule>
  </conditionalFormatting>
  <conditionalFormatting sqref="E952:E956">
    <cfRule type="containsBlanks" dxfId="119" priority="123">
      <formula>LEN(TRIM(E952))=0</formula>
    </cfRule>
  </conditionalFormatting>
  <conditionalFormatting sqref="F952:F956">
    <cfRule type="containsBlanks" dxfId="118" priority="122">
      <formula>LEN(TRIM(F952))=0</formula>
    </cfRule>
  </conditionalFormatting>
  <conditionalFormatting sqref="E958:E966">
    <cfRule type="containsBlanks" dxfId="117" priority="121">
      <formula>LEN(TRIM(E958))=0</formula>
    </cfRule>
  </conditionalFormatting>
  <conditionalFormatting sqref="F958:F966">
    <cfRule type="containsBlanks" dxfId="116" priority="120">
      <formula>LEN(TRIM(F958))=0</formula>
    </cfRule>
  </conditionalFormatting>
  <conditionalFormatting sqref="E968:E976">
    <cfRule type="containsBlanks" dxfId="115" priority="119">
      <formula>LEN(TRIM(E968))=0</formula>
    </cfRule>
  </conditionalFormatting>
  <conditionalFormatting sqref="F968:F976">
    <cfRule type="containsBlanks" dxfId="114" priority="118">
      <formula>LEN(TRIM(F968))=0</formula>
    </cfRule>
  </conditionalFormatting>
  <conditionalFormatting sqref="E978:E988">
    <cfRule type="containsBlanks" dxfId="113" priority="117">
      <formula>LEN(TRIM(E978))=0</formula>
    </cfRule>
  </conditionalFormatting>
  <conditionalFormatting sqref="F978:F988">
    <cfRule type="containsBlanks" dxfId="112" priority="116">
      <formula>LEN(TRIM(F978))=0</formula>
    </cfRule>
  </conditionalFormatting>
  <conditionalFormatting sqref="E990:E998">
    <cfRule type="containsBlanks" dxfId="111" priority="115">
      <formula>LEN(TRIM(E990))=0</formula>
    </cfRule>
  </conditionalFormatting>
  <conditionalFormatting sqref="F990:F998">
    <cfRule type="containsBlanks" dxfId="110" priority="114">
      <formula>LEN(TRIM(F990))=0</formula>
    </cfRule>
  </conditionalFormatting>
  <conditionalFormatting sqref="E1000:E1008">
    <cfRule type="containsBlanks" dxfId="109" priority="113">
      <formula>LEN(TRIM(E1000))=0</formula>
    </cfRule>
  </conditionalFormatting>
  <conditionalFormatting sqref="F1000:F1008">
    <cfRule type="containsBlanks" dxfId="108" priority="112">
      <formula>LEN(TRIM(F1000))=0</formula>
    </cfRule>
  </conditionalFormatting>
  <conditionalFormatting sqref="E1010:E1017">
    <cfRule type="containsBlanks" dxfId="107" priority="111">
      <formula>LEN(TRIM(E1010))=0</formula>
    </cfRule>
  </conditionalFormatting>
  <conditionalFormatting sqref="F1010:F1017">
    <cfRule type="containsBlanks" dxfId="106" priority="110">
      <formula>LEN(TRIM(F1010))=0</formula>
    </cfRule>
  </conditionalFormatting>
  <conditionalFormatting sqref="E1019:E1026">
    <cfRule type="containsBlanks" dxfId="105" priority="109">
      <formula>LEN(TRIM(E1019))=0</formula>
    </cfRule>
  </conditionalFormatting>
  <conditionalFormatting sqref="F1019:F1026">
    <cfRule type="containsBlanks" dxfId="104" priority="108">
      <formula>LEN(TRIM(F1019))=0</formula>
    </cfRule>
  </conditionalFormatting>
  <conditionalFormatting sqref="E1028:E1033">
    <cfRule type="containsBlanks" dxfId="103" priority="107">
      <formula>LEN(TRIM(E1028))=0</formula>
    </cfRule>
  </conditionalFormatting>
  <conditionalFormatting sqref="F1028:F1033">
    <cfRule type="containsBlanks" dxfId="102" priority="106">
      <formula>LEN(TRIM(F1028))=0</formula>
    </cfRule>
  </conditionalFormatting>
  <conditionalFormatting sqref="E1035:E1040">
    <cfRule type="containsBlanks" dxfId="101" priority="105">
      <formula>LEN(TRIM(E1035))=0</formula>
    </cfRule>
  </conditionalFormatting>
  <conditionalFormatting sqref="F1035:F1040">
    <cfRule type="containsBlanks" dxfId="100" priority="104">
      <formula>LEN(TRIM(F1035))=0</formula>
    </cfRule>
  </conditionalFormatting>
  <conditionalFormatting sqref="E1042:E1047">
    <cfRule type="containsBlanks" dxfId="99" priority="103">
      <formula>LEN(TRIM(E1042))=0</formula>
    </cfRule>
  </conditionalFormatting>
  <conditionalFormatting sqref="F1042:F1047">
    <cfRule type="containsBlanks" dxfId="98" priority="102">
      <formula>LEN(TRIM(F1042))=0</formula>
    </cfRule>
  </conditionalFormatting>
  <conditionalFormatting sqref="E1049:E1051">
    <cfRule type="containsBlanks" dxfId="97" priority="101">
      <formula>LEN(TRIM(E1049))=0</formula>
    </cfRule>
  </conditionalFormatting>
  <conditionalFormatting sqref="F1049:F1051">
    <cfRule type="containsBlanks" dxfId="96" priority="100">
      <formula>LEN(TRIM(F1049))=0</formula>
    </cfRule>
  </conditionalFormatting>
  <conditionalFormatting sqref="E1053:E1057">
    <cfRule type="containsBlanks" dxfId="95" priority="99">
      <formula>LEN(TRIM(E1053))=0</formula>
    </cfRule>
  </conditionalFormatting>
  <conditionalFormatting sqref="F1053:F1057">
    <cfRule type="containsBlanks" dxfId="94" priority="98">
      <formula>LEN(TRIM(F1053))=0</formula>
    </cfRule>
  </conditionalFormatting>
  <conditionalFormatting sqref="E1059:E1065">
    <cfRule type="containsBlanks" dxfId="93" priority="97">
      <formula>LEN(TRIM(E1059))=0</formula>
    </cfRule>
  </conditionalFormatting>
  <conditionalFormatting sqref="F1059:F1065">
    <cfRule type="containsBlanks" dxfId="92" priority="96">
      <formula>LEN(TRIM(F1059))=0</formula>
    </cfRule>
  </conditionalFormatting>
  <conditionalFormatting sqref="E1067:E1071">
    <cfRule type="containsBlanks" dxfId="91" priority="95">
      <formula>LEN(TRIM(E1067))=0</formula>
    </cfRule>
  </conditionalFormatting>
  <conditionalFormatting sqref="F1067:F1071">
    <cfRule type="containsBlanks" dxfId="90" priority="94">
      <formula>LEN(TRIM(F1067))=0</formula>
    </cfRule>
  </conditionalFormatting>
  <conditionalFormatting sqref="E1073:E1079">
    <cfRule type="containsBlanks" dxfId="89" priority="93">
      <formula>LEN(TRIM(E1073))=0</formula>
    </cfRule>
  </conditionalFormatting>
  <conditionalFormatting sqref="F1073:F1079">
    <cfRule type="containsBlanks" dxfId="88" priority="92">
      <formula>LEN(TRIM(F1073))=0</formula>
    </cfRule>
  </conditionalFormatting>
  <conditionalFormatting sqref="E1081:E1085">
    <cfRule type="containsBlanks" dxfId="87" priority="91">
      <formula>LEN(TRIM(E1081))=0</formula>
    </cfRule>
  </conditionalFormatting>
  <conditionalFormatting sqref="F1081:F1085">
    <cfRule type="containsBlanks" dxfId="86" priority="90">
      <formula>LEN(TRIM(F1081))=0</formula>
    </cfRule>
  </conditionalFormatting>
  <conditionalFormatting sqref="E1087:E1092">
    <cfRule type="containsBlanks" dxfId="85" priority="89">
      <formula>LEN(TRIM(E1087))=0</formula>
    </cfRule>
  </conditionalFormatting>
  <conditionalFormatting sqref="F1087:F1092">
    <cfRule type="containsBlanks" dxfId="84" priority="88">
      <formula>LEN(TRIM(F1087))=0</formula>
    </cfRule>
  </conditionalFormatting>
  <conditionalFormatting sqref="E1094:E1101">
    <cfRule type="containsBlanks" dxfId="83" priority="87">
      <formula>LEN(TRIM(E1094))=0</formula>
    </cfRule>
  </conditionalFormatting>
  <conditionalFormatting sqref="F1094:F1101">
    <cfRule type="containsBlanks" dxfId="82" priority="86">
      <formula>LEN(TRIM(F1094))=0</formula>
    </cfRule>
  </conditionalFormatting>
  <conditionalFormatting sqref="E1103:E1110">
    <cfRule type="containsBlanks" dxfId="81" priority="85">
      <formula>LEN(TRIM(E1103))=0</formula>
    </cfRule>
  </conditionalFormatting>
  <conditionalFormatting sqref="F1103:F1110">
    <cfRule type="containsBlanks" dxfId="80" priority="84">
      <formula>LEN(TRIM(F1103))=0</formula>
    </cfRule>
  </conditionalFormatting>
  <conditionalFormatting sqref="E1112:E1119">
    <cfRule type="containsBlanks" dxfId="79" priority="83">
      <formula>LEN(TRIM(E1112))=0</formula>
    </cfRule>
  </conditionalFormatting>
  <conditionalFormatting sqref="F1112:F1119">
    <cfRule type="containsBlanks" dxfId="78" priority="82">
      <formula>LEN(TRIM(F1112))=0</formula>
    </cfRule>
  </conditionalFormatting>
  <conditionalFormatting sqref="E1121:E1126">
    <cfRule type="containsBlanks" dxfId="77" priority="81">
      <formula>LEN(TRIM(E1121))=0</formula>
    </cfRule>
  </conditionalFormatting>
  <conditionalFormatting sqref="F1121:F1126">
    <cfRule type="containsBlanks" dxfId="76" priority="80">
      <formula>LEN(TRIM(F1121))=0</formula>
    </cfRule>
  </conditionalFormatting>
  <conditionalFormatting sqref="E1128:E1133">
    <cfRule type="containsBlanks" dxfId="75" priority="79">
      <formula>LEN(TRIM(E1128))=0</formula>
    </cfRule>
  </conditionalFormatting>
  <conditionalFormatting sqref="F1128:F1133">
    <cfRule type="containsBlanks" dxfId="74" priority="78">
      <formula>LEN(TRIM(F1128))=0</formula>
    </cfRule>
  </conditionalFormatting>
  <conditionalFormatting sqref="E1135:E1139">
    <cfRule type="containsBlanks" dxfId="73" priority="77">
      <formula>LEN(TRIM(E1135))=0</formula>
    </cfRule>
  </conditionalFormatting>
  <conditionalFormatting sqref="F1135:F1139">
    <cfRule type="containsBlanks" dxfId="72" priority="76">
      <formula>LEN(TRIM(F1135))=0</formula>
    </cfRule>
  </conditionalFormatting>
  <conditionalFormatting sqref="E1141:E1144">
    <cfRule type="containsBlanks" dxfId="71" priority="75">
      <formula>LEN(TRIM(E1141))=0</formula>
    </cfRule>
  </conditionalFormatting>
  <conditionalFormatting sqref="F1141:F1144">
    <cfRule type="containsBlanks" dxfId="70" priority="74">
      <formula>LEN(TRIM(F1141))=0</formula>
    </cfRule>
  </conditionalFormatting>
  <conditionalFormatting sqref="E1146:E1154">
    <cfRule type="containsBlanks" dxfId="69" priority="73">
      <formula>LEN(TRIM(E1146))=0</formula>
    </cfRule>
  </conditionalFormatting>
  <conditionalFormatting sqref="F1146:F1154">
    <cfRule type="containsBlanks" dxfId="68" priority="72">
      <formula>LEN(TRIM(F1146))=0</formula>
    </cfRule>
  </conditionalFormatting>
  <conditionalFormatting sqref="E1156:E1160">
    <cfRule type="containsBlanks" dxfId="67" priority="71">
      <formula>LEN(TRIM(E1156))=0</formula>
    </cfRule>
  </conditionalFormatting>
  <conditionalFormatting sqref="F1156:F1160">
    <cfRule type="containsBlanks" dxfId="66" priority="70">
      <formula>LEN(TRIM(F1156))=0</formula>
    </cfRule>
  </conditionalFormatting>
  <conditionalFormatting sqref="E1162:E1166">
    <cfRule type="containsBlanks" dxfId="65" priority="69">
      <formula>LEN(TRIM(E1162))=0</formula>
    </cfRule>
  </conditionalFormatting>
  <conditionalFormatting sqref="F1162:F1166">
    <cfRule type="containsBlanks" dxfId="64" priority="68">
      <formula>LEN(TRIM(F1162))=0</formula>
    </cfRule>
  </conditionalFormatting>
  <conditionalFormatting sqref="E1168:E1172">
    <cfRule type="containsBlanks" dxfId="63" priority="67">
      <formula>LEN(TRIM(E1168))=0</formula>
    </cfRule>
  </conditionalFormatting>
  <conditionalFormatting sqref="F1168:F1172">
    <cfRule type="containsBlanks" dxfId="62" priority="66">
      <formula>LEN(TRIM(F1168))=0</formula>
    </cfRule>
  </conditionalFormatting>
  <conditionalFormatting sqref="E1174:E1178">
    <cfRule type="containsBlanks" dxfId="61" priority="65">
      <formula>LEN(TRIM(E1174))=0</formula>
    </cfRule>
  </conditionalFormatting>
  <conditionalFormatting sqref="F1174:F1178">
    <cfRule type="containsBlanks" dxfId="60" priority="64">
      <formula>LEN(TRIM(F1174))=0</formula>
    </cfRule>
  </conditionalFormatting>
  <conditionalFormatting sqref="E1187:E1190">
    <cfRule type="containsBlanks" dxfId="59" priority="63">
      <formula>LEN(TRIM(E1187))=0</formula>
    </cfRule>
  </conditionalFormatting>
  <conditionalFormatting sqref="F1187:F1190">
    <cfRule type="containsBlanks" dxfId="58" priority="62">
      <formula>LEN(TRIM(F1187))=0</formula>
    </cfRule>
  </conditionalFormatting>
  <conditionalFormatting sqref="E1192:E1196">
    <cfRule type="containsBlanks" dxfId="57" priority="61">
      <formula>LEN(TRIM(E1192))=0</formula>
    </cfRule>
  </conditionalFormatting>
  <conditionalFormatting sqref="F1192:F1196">
    <cfRule type="containsBlanks" dxfId="56" priority="60">
      <formula>LEN(TRIM(F1192))=0</formula>
    </cfRule>
  </conditionalFormatting>
  <conditionalFormatting sqref="E1198:E1203">
    <cfRule type="containsBlanks" dxfId="55" priority="59">
      <formula>LEN(TRIM(E1198))=0</formula>
    </cfRule>
  </conditionalFormatting>
  <conditionalFormatting sqref="F1198:F1203">
    <cfRule type="containsBlanks" dxfId="54" priority="58">
      <formula>LEN(TRIM(F1198))=0</formula>
    </cfRule>
  </conditionalFormatting>
  <conditionalFormatting sqref="E1205:E1207">
    <cfRule type="containsBlanks" dxfId="53" priority="57">
      <formula>LEN(TRIM(E1205))=0</formula>
    </cfRule>
  </conditionalFormatting>
  <conditionalFormatting sqref="F1205:F1207">
    <cfRule type="containsBlanks" dxfId="52" priority="56">
      <formula>LEN(TRIM(F1205))=0</formula>
    </cfRule>
  </conditionalFormatting>
  <conditionalFormatting sqref="E1209:E1214">
    <cfRule type="containsBlanks" dxfId="51" priority="55">
      <formula>LEN(TRIM(E1209))=0</formula>
    </cfRule>
  </conditionalFormatting>
  <conditionalFormatting sqref="F1209:F1214">
    <cfRule type="containsBlanks" dxfId="50" priority="54">
      <formula>LEN(TRIM(F1209))=0</formula>
    </cfRule>
  </conditionalFormatting>
  <conditionalFormatting sqref="E1233">
    <cfRule type="containsBlanks" dxfId="49" priority="53">
      <formula>LEN(TRIM(E1233))=0</formula>
    </cfRule>
  </conditionalFormatting>
  <conditionalFormatting sqref="E1244:E1247">
    <cfRule type="containsBlanks" dxfId="48" priority="51">
      <formula>LEN(TRIM(E1244))=0</formula>
    </cfRule>
  </conditionalFormatting>
  <conditionalFormatting sqref="E1260:E1261">
    <cfRule type="containsBlanks" dxfId="47" priority="50">
      <formula>LEN(TRIM(E1260))=0</formula>
    </cfRule>
  </conditionalFormatting>
  <conditionalFormatting sqref="E1232">
    <cfRule type="containsBlanks" dxfId="46" priority="49">
      <formula>LEN(TRIM(E1232))=0</formula>
    </cfRule>
  </conditionalFormatting>
  <conditionalFormatting sqref="E1234">
    <cfRule type="containsBlanks" dxfId="45" priority="47">
      <formula>LEN(TRIM(E1234))=0</formula>
    </cfRule>
  </conditionalFormatting>
  <conditionalFormatting sqref="E1235">
    <cfRule type="containsBlanks" dxfId="44" priority="46">
      <formula>LEN(TRIM(E1235))=0</formula>
    </cfRule>
  </conditionalFormatting>
  <conditionalFormatting sqref="E1236">
    <cfRule type="containsBlanks" dxfId="43" priority="45">
      <formula>LEN(TRIM(E1236))=0</formula>
    </cfRule>
  </conditionalFormatting>
  <conditionalFormatting sqref="E1237">
    <cfRule type="containsBlanks" dxfId="42" priority="44">
      <formula>LEN(TRIM(E1237))=0</formula>
    </cfRule>
  </conditionalFormatting>
  <conditionalFormatting sqref="E1238">
    <cfRule type="containsBlanks" dxfId="41" priority="43">
      <formula>LEN(TRIM(E1238))=0</formula>
    </cfRule>
  </conditionalFormatting>
  <conditionalFormatting sqref="E1239">
    <cfRule type="containsBlanks" dxfId="40" priority="42">
      <formula>LEN(TRIM(E1239))=0</formula>
    </cfRule>
  </conditionalFormatting>
  <conditionalFormatting sqref="E1240">
    <cfRule type="containsBlanks" dxfId="39" priority="41">
      <formula>LEN(TRIM(E1240))=0</formula>
    </cfRule>
  </conditionalFormatting>
  <conditionalFormatting sqref="E1241">
    <cfRule type="containsBlanks" dxfId="38" priority="40">
      <formula>LEN(TRIM(E1241))=0</formula>
    </cfRule>
  </conditionalFormatting>
  <conditionalFormatting sqref="E1242">
    <cfRule type="containsBlanks" dxfId="37" priority="39">
      <formula>LEN(TRIM(E1242))=0</formula>
    </cfRule>
  </conditionalFormatting>
  <conditionalFormatting sqref="E1243">
    <cfRule type="containsBlanks" dxfId="36" priority="38">
      <formula>LEN(TRIM(E1243))=0</formula>
    </cfRule>
  </conditionalFormatting>
  <conditionalFormatting sqref="E1248">
    <cfRule type="containsBlanks" dxfId="35" priority="37">
      <formula>LEN(TRIM(E1248))=0</formula>
    </cfRule>
  </conditionalFormatting>
  <conditionalFormatting sqref="E1251">
    <cfRule type="containsBlanks" dxfId="34" priority="36">
      <formula>LEN(TRIM(E1251))=0</formula>
    </cfRule>
  </conditionalFormatting>
  <conditionalFormatting sqref="E1252">
    <cfRule type="containsBlanks" dxfId="33" priority="35">
      <formula>LEN(TRIM(E1252))=0</formula>
    </cfRule>
  </conditionalFormatting>
  <conditionalFormatting sqref="E1253">
    <cfRule type="containsBlanks" dxfId="32" priority="34">
      <formula>LEN(TRIM(E1253))=0</formula>
    </cfRule>
  </conditionalFormatting>
  <conditionalFormatting sqref="E1254">
    <cfRule type="containsBlanks" dxfId="31" priority="33">
      <formula>LEN(TRIM(E1254))=0</formula>
    </cfRule>
  </conditionalFormatting>
  <conditionalFormatting sqref="E1255">
    <cfRule type="containsBlanks" dxfId="30" priority="32">
      <formula>LEN(TRIM(E1255))=0</formula>
    </cfRule>
  </conditionalFormatting>
  <conditionalFormatting sqref="E1256">
    <cfRule type="containsBlanks" dxfId="29" priority="31">
      <formula>LEN(TRIM(E1256))=0</formula>
    </cfRule>
  </conditionalFormatting>
  <conditionalFormatting sqref="E1257">
    <cfRule type="containsBlanks" dxfId="28" priority="30">
      <formula>LEN(TRIM(E1257))=0</formula>
    </cfRule>
  </conditionalFormatting>
  <conditionalFormatting sqref="E1258">
    <cfRule type="containsBlanks" dxfId="27" priority="29">
      <formula>LEN(TRIM(E1258))=0</formula>
    </cfRule>
  </conditionalFormatting>
  <conditionalFormatting sqref="E1259">
    <cfRule type="containsBlanks" dxfId="26" priority="28">
      <formula>LEN(TRIM(E1259))=0</formula>
    </cfRule>
  </conditionalFormatting>
  <conditionalFormatting sqref="E1262">
    <cfRule type="containsBlanks" dxfId="25" priority="27">
      <formula>LEN(TRIM(E1262))=0</formula>
    </cfRule>
  </conditionalFormatting>
  <conditionalFormatting sqref="E1263">
    <cfRule type="containsBlanks" dxfId="24" priority="26">
      <formula>LEN(TRIM(E1263))=0</formula>
    </cfRule>
  </conditionalFormatting>
  <conditionalFormatting sqref="E1264">
    <cfRule type="containsBlanks" dxfId="23" priority="25">
      <formula>LEN(TRIM(E1264))=0</formula>
    </cfRule>
  </conditionalFormatting>
  <conditionalFormatting sqref="E1265">
    <cfRule type="containsBlanks" dxfId="22" priority="24">
      <formula>LEN(TRIM(E1265))=0</formula>
    </cfRule>
  </conditionalFormatting>
  <conditionalFormatting sqref="E1266">
    <cfRule type="containsBlanks" dxfId="21" priority="23">
      <formula>LEN(TRIM(E1266))=0</formula>
    </cfRule>
  </conditionalFormatting>
  <conditionalFormatting sqref="E1267">
    <cfRule type="containsBlanks" dxfId="20" priority="22">
      <formula>LEN(TRIM(E1267))=0</formula>
    </cfRule>
  </conditionalFormatting>
  <conditionalFormatting sqref="E1268">
    <cfRule type="containsBlanks" dxfId="19" priority="21">
      <formula>LEN(TRIM(E1268))=0</formula>
    </cfRule>
  </conditionalFormatting>
  <conditionalFormatting sqref="E1269">
    <cfRule type="containsBlanks" dxfId="18" priority="20">
      <formula>LEN(TRIM(E1269))=0</formula>
    </cfRule>
  </conditionalFormatting>
  <conditionalFormatting sqref="E1270">
    <cfRule type="containsBlanks" dxfId="17" priority="19">
      <formula>LEN(TRIM(E1270))=0</formula>
    </cfRule>
  </conditionalFormatting>
  <conditionalFormatting sqref="E1271">
    <cfRule type="containsBlanks" dxfId="16" priority="18">
      <formula>LEN(TRIM(E1271))=0</formula>
    </cfRule>
  </conditionalFormatting>
  <conditionalFormatting sqref="E1272">
    <cfRule type="containsBlanks" dxfId="15" priority="17">
      <formula>LEN(TRIM(E1272))=0</formula>
    </cfRule>
  </conditionalFormatting>
  <conditionalFormatting sqref="E1273">
    <cfRule type="containsBlanks" dxfId="14" priority="16">
      <formula>LEN(TRIM(E1273))=0</formula>
    </cfRule>
  </conditionalFormatting>
  <conditionalFormatting sqref="E1274">
    <cfRule type="containsBlanks" dxfId="13" priority="15">
      <formula>LEN(TRIM(E1274))=0</formula>
    </cfRule>
  </conditionalFormatting>
  <conditionalFormatting sqref="E1275">
    <cfRule type="containsBlanks" dxfId="12" priority="14">
      <formula>LEN(TRIM(E1275))=0</formula>
    </cfRule>
  </conditionalFormatting>
  <conditionalFormatting sqref="E1276">
    <cfRule type="containsBlanks" dxfId="11" priority="13">
      <formula>LEN(TRIM(E1276))=0</formula>
    </cfRule>
  </conditionalFormatting>
  <conditionalFormatting sqref="E1277">
    <cfRule type="containsBlanks" dxfId="10" priority="12">
      <formula>LEN(TRIM(E1277))=0</formula>
    </cfRule>
  </conditionalFormatting>
  <conditionalFormatting sqref="E1278">
    <cfRule type="containsBlanks" dxfId="9" priority="11">
      <formula>LEN(TRIM(E1278))=0</formula>
    </cfRule>
  </conditionalFormatting>
  <conditionalFormatting sqref="E1279">
    <cfRule type="containsBlanks" dxfId="8" priority="10">
      <formula>LEN(TRIM(E1279))=0</formula>
    </cfRule>
  </conditionalFormatting>
  <conditionalFormatting sqref="E1280">
    <cfRule type="containsBlanks" dxfId="7" priority="9">
      <formula>LEN(TRIM(E1280))=0</formula>
    </cfRule>
  </conditionalFormatting>
  <conditionalFormatting sqref="E1282">
    <cfRule type="containsBlanks" dxfId="6" priority="8">
      <formula>LEN(TRIM(E1282))=0</formula>
    </cfRule>
  </conditionalFormatting>
  <conditionalFormatting sqref="E1283">
    <cfRule type="containsBlanks" dxfId="5" priority="7">
      <formula>LEN(TRIM(E1283))=0</formula>
    </cfRule>
  </conditionalFormatting>
  <conditionalFormatting sqref="B1288">
    <cfRule type="containsBlanks" dxfId="4" priority="6">
      <formula>LEN(TRIM(B1288))=0</formula>
    </cfRule>
  </conditionalFormatting>
  <conditionalFormatting sqref="B1289">
    <cfRule type="containsBlanks" dxfId="3" priority="5">
      <formula>LEN(TRIM(B1289))=0</formula>
    </cfRule>
  </conditionalFormatting>
  <conditionalFormatting sqref="B1291">
    <cfRule type="containsBlanks" dxfId="2" priority="4">
      <formula>LEN(TRIM(B1291))=0</formula>
    </cfRule>
  </conditionalFormatting>
  <conditionalFormatting sqref="F1216:F1218">
    <cfRule type="containsBlanks" dxfId="1" priority="3">
      <formula>LEN(TRIM(F1216))=0</formula>
    </cfRule>
  </conditionalFormatting>
  <conditionalFormatting sqref="E1281">
    <cfRule type="containsBlanks" dxfId="0" priority="2">
      <formula>LEN(TRIM(E1281))=0</formula>
    </cfRule>
  </conditionalFormatting>
  <pageMargins left="0.7" right="0.7" top="0.97499999999999998" bottom="0.75" header="0.3" footer="0.3"/>
  <pageSetup paperSize="9" scale="45"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7" manualBreakCount="17">
    <brk id="69" max="7" man="1"/>
    <brk id="132" max="7" man="1"/>
    <brk id="195" max="7" man="1"/>
    <brk id="256" max="7" man="1"/>
    <brk id="320" max="7" man="1"/>
    <brk id="377" max="7" man="1"/>
    <brk id="436" max="7" man="1"/>
    <brk id="500" max="7" man="1"/>
    <brk id="564" max="7" man="1"/>
    <brk id="628" max="7" man="1"/>
    <brk id="690" max="7" man="1"/>
    <brk id="753" max="7" man="1"/>
    <brk id="884" max="7" man="1"/>
    <brk id="1008" max="7" man="1"/>
    <brk id="1071" max="7" man="1"/>
    <brk id="1133" max="7" man="1"/>
    <brk id="1196" max="7"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3</xdr:row>
                    <xdr:rowOff>0</xdr:rowOff>
                  </from>
                  <to>
                    <xdr:col>0</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4</xdr:row>
                    <xdr:rowOff>9525</xdr:rowOff>
                  </from>
                  <to>
                    <xdr:col>0</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0</xdr:row>
                    <xdr:rowOff>9525</xdr:rowOff>
                  </from>
                  <to>
                    <xdr:col>0</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1</xdr:row>
                    <xdr:rowOff>0</xdr:rowOff>
                  </from>
                  <to>
                    <xdr:col>0</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onuka</vt:lpstr>
      <vt:lpstr>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Róbert Lucký</dc:creator>
  <cp:lastModifiedBy>Ing. Róbert Lucký</cp:lastModifiedBy>
  <cp:lastPrinted>2020-07-23T06:50:26Z</cp:lastPrinted>
  <dcterms:created xsi:type="dcterms:W3CDTF">2017-04-21T05:51:15Z</dcterms:created>
  <dcterms:modified xsi:type="dcterms:W3CDTF">2023-03-30T12:26:17Z</dcterms:modified>
</cp:coreProperties>
</file>